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134\SETORES\DGC\3. UNIDADE DE RISCOS\1. Consultoria\Modelos de Documentos\"/>
    </mc:Choice>
  </mc:AlternateContent>
  <bookViews>
    <workbookView xWindow="0" yWindow="0" windowWidth="28800" windowHeight="12300" activeTab="1"/>
  </bookViews>
  <sheets>
    <sheet name="Instrução" sheetId="13" r:id="rId1"/>
    <sheet name="1. Ambiente" sheetId="2" r:id="rId2"/>
    <sheet name="2. Gerenciamento" sheetId="3" r:id="rId3"/>
    <sheet name="3. Mapa" sheetId="11" r:id="rId4"/>
    <sheet name="4. Matriz" sheetId="12" r:id="rId5"/>
    <sheet name="5. Monitoramento" sheetId="6" r:id="rId6"/>
    <sheet name="Apoio" sheetId="8" state="hidden" r:id="rId7"/>
  </sheets>
  <definedNames>
    <definedName name="Status" localSheetId="5">#REF!</definedName>
    <definedName name="Status">#REF!</definedName>
  </definedNames>
  <calcPr calcId="162913"/>
</workbook>
</file>

<file path=xl/calcChain.xml><?xml version="1.0" encoding="utf-8"?>
<calcChain xmlns="http://schemas.openxmlformats.org/spreadsheetml/2006/main">
  <c r="F47" i="2" l="1"/>
  <c r="F46" i="2"/>
  <c r="F45" i="2"/>
  <c r="F44" i="2"/>
  <c r="F43" i="2"/>
  <c r="F42" i="2"/>
  <c r="F41" i="2"/>
  <c r="F40" i="2"/>
  <c r="F39" i="2"/>
  <c r="F38" i="2"/>
  <c r="F37" i="2"/>
  <c r="F36" i="2"/>
  <c r="C6" i="3" l="1"/>
  <c r="C7" i="3"/>
  <c r="C8" i="3"/>
  <c r="C9" i="3"/>
  <c r="C10" i="3"/>
  <c r="C11" i="3"/>
  <c r="C12" i="3"/>
  <c r="C13" i="3"/>
  <c r="C14" i="3"/>
  <c r="C15" i="3"/>
  <c r="C16" i="3"/>
  <c r="C17" i="3"/>
  <c r="C18" i="3"/>
  <c r="C19" i="3"/>
  <c r="C20" i="3"/>
  <c r="C21" i="3"/>
  <c r="C22" i="3"/>
  <c r="C23" i="3"/>
  <c r="C24" i="3"/>
  <c r="C25" i="3"/>
  <c r="C26" i="3"/>
  <c r="C27" i="3"/>
  <c r="C28" i="3"/>
  <c r="C29" i="3"/>
  <c r="C30" i="3"/>
  <c r="C31" i="3"/>
  <c r="C32" i="3"/>
  <c r="C33" i="3"/>
  <c r="C34" i="3"/>
  <c r="C35" i="3"/>
  <c r="C36" i="3"/>
  <c r="C37" i="3"/>
  <c r="C38" i="3"/>
  <c r="C39" i="3"/>
  <c r="C40" i="3"/>
  <c r="C41" i="3"/>
  <c r="C42" i="3"/>
  <c r="C43" i="3"/>
  <c r="C44" i="3"/>
  <c r="C45" i="3"/>
  <c r="C46" i="3"/>
  <c r="C47" i="3"/>
  <c r="C48" i="3"/>
  <c r="C49" i="3"/>
  <c r="C50" i="3"/>
  <c r="C51" i="3"/>
  <c r="C52" i="3"/>
  <c r="C53" i="3"/>
  <c r="C54" i="3"/>
  <c r="C5" i="3"/>
  <c r="I7" i="6" l="1"/>
  <c r="J7" i="6"/>
  <c r="K7" i="6"/>
  <c r="L7" i="6"/>
  <c r="M7" i="6"/>
  <c r="I8" i="6"/>
  <c r="J8" i="6"/>
  <c r="K8" i="6"/>
  <c r="L8" i="6"/>
  <c r="M8" i="6"/>
  <c r="I9" i="6"/>
  <c r="J9" i="6"/>
  <c r="K9" i="6"/>
  <c r="L9" i="6"/>
  <c r="M9" i="6"/>
  <c r="I10" i="6"/>
  <c r="J10" i="6"/>
  <c r="K10" i="6"/>
  <c r="L10" i="6"/>
  <c r="M10" i="6"/>
  <c r="I11" i="6"/>
  <c r="J11" i="6"/>
  <c r="K11" i="6"/>
  <c r="L11" i="6"/>
  <c r="M11" i="6"/>
  <c r="I12" i="6"/>
  <c r="J12" i="6"/>
  <c r="K12" i="6"/>
  <c r="L12" i="6"/>
  <c r="M12" i="6"/>
  <c r="I13" i="6"/>
  <c r="J13" i="6"/>
  <c r="K13" i="6"/>
  <c r="L13" i="6"/>
  <c r="M13" i="6"/>
  <c r="I14" i="6"/>
  <c r="J14" i="6"/>
  <c r="K14" i="6"/>
  <c r="L14" i="6"/>
  <c r="M14" i="6"/>
  <c r="I15" i="6"/>
  <c r="J15" i="6"/>
  <c r="K15" i="6"/>
  <c r="L15" i="6"/>
  <c r="M15" i="6"/>
  <c r="I16" i="6"/>
  <c r="J16" i="6"/>
  <c r="K16" i="6"/>
  <c r="L16" i="6"/>
  <c r="M16" i="6"/>
  <c r="I17" i="6"/>
  <c r="J17" i="6"/>
  <c r="K17" i="6"/>
  <c r="L17" i="6"/>
  <c r="M17" i="6"/>
  <c r="I18" i="6"/>
  <c r="J18" i="6"/>
  <c r="K18" i="6"/>
  <c r="L18" i="6"/>
  <c r="M18" i="6"/>
  <c r="I19" i="6"/>
  <c r="J19" i="6"/>
  <c r="K19" i="6"/>
  <c r="L19" i="6"/>
  <c r="M19" i="6"/>
  <c r="I20" i="6"/>
  <c r="J20" i="6"/>
  <c r="K20" i="6"/>
  <c r="L20" i="6"/>
  <c r="M20" i="6"/>
  <c r="I21" i="6"/>
  <c r="J21" i="6"/>
  <c r="K21" i="6"/>
  <c r="L21" i="6"/>
  <c r="M21" i="6"/>
  <c r="I22" i="6"/>
  <c r="J22" i="6"/>
  <c r="K22" i="6"/>
  <c r="L22" i="6"/>
  <c r="M22" i="6"/>
  <c r="I23" i="6"/>
  <c r="J23" i="6"/>
  <c r="K23" i="6"/>
  <c r="L23" i="6"/>
  <c r="M23" i="6"/>
  <c r="I24" i="6"/>
  <c r="J24" i="6"/>
  <c r="K24" i="6"/>
  <c r="L24" i="6"/>
  <c r="M24" i="6"/>
  <c r="I25" i="6"/>
  <c r="J25" i="6"/>
  <c r="K25" i="6"/>
  <c r="L25" i="6"/>
  <c r="M25" i="6"/>
  <c r="I26" i="6"/>
  <c r="J26" i="6"/>
  <c r="K26" i="6"/>
  <c r="L26" i="6"/>
  <c r="M26" i="6"/>
  <c r="I27" i="6"/>
  <c r="J27" i="6"/>
  <c r="K27" i="6"/>
  <c r="L27" i="6"/>
  <c r="M27" i="6"/>
  <c r="I28" i="6"/>
  <c r="J28" i="6"/>
  <c r="K28" i="6"/>
  <c r="L28" i="6"/>
  <c r="M28" i="6"/>
  <c r="I29" i="6"/>
  <c r="J29" i="6"/>
  <c r="K29" i="6"/>
  <c r="L29" i="6"/>
  <c r="M29" i="6"/>
  <c r="I30" i="6"/>
  <c r="J30" i="6"/>
  <c r="K30" i="6"/>
  <c r="L30" i="6"/>
  <c r="M30" i="6"/>
  <c r="I31" i="6"/>
  <c r="J31" i="6"/>
  <c r="K31" i="6"/>
  <c r="L31" i="6"/>
  <c r="M31" i="6"/>
  <c r="I32" i="6"/>
  <c r="J32" i="6"/>
  <c r="K32" i="6"/>
  <c r="L32" i="6"/>
  <c r="M32" i="6"/>
  <c r="I33" i="6"/>
  <c r="J33" i="6"/>
  <c r="K33" i="6"/>
  <c r="L33" i="6"/>
  <c r="M33" i="6"/>
  <c r="I34" i="6"/>
  <c r="J34" i="6"/>
  <c r="K34" i="6"/>
  <c r="L34" i="6"/>
  <c r="M34" i="6"/>
  <c r="I35" i="6"/>
  <c r="J35" i="6"/>
  <c r="K35" i="6"/>
  <c r="L35" i="6"/>
  <c r="M35" i="6"/>
  <c r="I36" i="6"/>
  <c r="J36" i="6"/>
  <c r="K36" i="6"/>
  <c r="L36" i="6"/>
  <c r="M36" i="6"/>
  <c r="I37" i="6"/>
  <c r="J37" i="6"/>
  <c r="K37" i="6"/>
  <c r="L37" i="6"/>
  <c r="M37" i="6"/>
  <c r="I38" i="6"/>
  <c r="J38" i="6"/>
  <c r="K38" i="6"/>
  <c r="L38" i="6"/>
  <c r="M38" i="6"/>
  <c r="I39" i="6"/>
  <c r="J39" i="6"/>
  <c r="K39" i="6"/>
  <c r="L39" i="6"/>
  <c r="M39" i="6"/>
  <c r="I40" i="6"/>
  <c r="J40" i="6"/>
  <c r="K40" i="6"/>
  <c r="L40" i="6"/>
  <c r="M40" i="6"/>
  <c r="I41" i="6"/>
  <c r="J41" i="6"/>
  <c r="K41" i="6"/>
  <c r="L41" i="6"/>
  <c r="M41" i="6"/>
  <c r="I42" i="6"/>
  <c r="J42" i="6"/>
  <c r="K42" i="6"/>
  <c r="L42" i="6"/>
  <c r="M42" i="6"/>
  <c r="I43" i="6"/>
  <c r="J43" i="6"/>
  <c r="K43" i="6"/>
  <c r="L43" i="6"/>
  <c r="M43" i="6"/>
  <c r="I44" i="6"/>
  <c r="J44" i="6"/>
  <c r="K44" i="6"/>
  <c r="L44" i="6"/>
  <c r="M44" i="6"/>
  <c r="I45" i="6"/>
  <c r="J45" i="6"/>
  <c r="K45" i="6"/>
  <c r="L45" i="6"/>
  <c r="M45" i="6"/>
  <c r="I46" i="6"/>
  <c r="J46" i="6"/>
  <c r="K46" i="6"/>
  <c r="L46" i="6"/>
  <c r="M46" i="6"/>
  <c r="I47" i="6"/>
  <c r="J47" i="6"/>
  <c r="K47" i="6"/>
  <c r="L47" i="6"/>
  <c r="M47" i="6"/>
  <c r="I48" i="6"/>
  <c r="J48" i="6"/>
  <c r="K48" i="6"/>
  <c r="L48" i="6"/>
  <c r="M48" i="6"/>
  <c r="I49" i="6"/>
  <c r="J49" i="6"/>
  <c r="K49" i="6"/>
  <c r="L49" i="6"/>
  <c r="M49" i="6"/>
  <c r="I50" i="6"/>
  <c r="J50" i="6"/>
  <c r="K50" i="6"/>
  <c r="L50" i="6"/>
  <c r="M50" i="6"/>
  <c r="I51" i="6"/>
  <c r="J51" i="6"/>
  <c r="K51" i="6"/>
  <c r="L51" i="6"/>
  <c r="M51" i="6"/>
  <c r="I52" i="6"/>
  <c r="J52" i="6"/>
  <c r="K52" i="6"/>
  <c r="L52" i="6"/>
  <c r="M52" i="6"/>
  <c r="I53" i="6"/>
  <c r="J53" i="6"/>
  <c r="K53" i="6"/>
  <c r="L53" i="6"/>
  <c r="M53" i="6"/>
  <c r="I54" i="6"/>
  <c r="J54" i="6"/>
  <c r="K54" i="6"/>
  <c r="L54" i="6"/>
  <c r="M54" i="6"/>
  <c r="H7" i="6"/>
  <c r="H8" i="6"/>
  <c r="H9" i="6"/>
  <c r="H10" i="6"/>
  <c r="H11" i="6"/>
  <c r="H12" i="6"/>
  <c r="H13" i="6"/>
  <c r="H14" i="6"/>
  <c r="H15" i="6"/>
  <c r="H16" i="6"/>
  <c r="H17" i="6"/>
  <c r="H18" i="6"/>
  <c r="H19" i="6"/>
  <c r="H20" i="6"/>
  <c r="H21" i="6"/>
  <c r="H22" i="6"/>
  <c r="H23" i="6"/>
  <c r="H24" i="6"/>
  <c r="H25" i="6"/>
  <c r="H26" i="6"/>
  <c r="H27" i="6"/>
  <c r="H28" i="6"/>
  <c r="H29" i="6"/>
  <c r="H30" i="6"/>
  <c r="H31" i="6"/>
  <c r="H32" i="6"/>
  <c r="H33" i="6"/>
  <c r="H34" i="6"/>
  <c r="H35" i="6"/>
  <c r="H36" i="6"/>
  <c r="H37" i="6"/>
  <c r="H38" i="6"/>
  <c r="H39" i="6"/>
  <c r="H40" i="6"/>
  <c r="H41" i="6"/>
  <c r="H42" i="6"/>
  <c r="H43" i="6"/>
  <c r="H44" i="6"/>
  <c r="H45" i="6"/>
  <c r="H46" i="6"/>
  <c r="H47" i="6"/>
  <c r="H48" i="6"/>
  <c r="H49" i="6"/>
  <c r="H50" i="6"/>
  <c r="H51" i="6"/>
  <c r="H52" i="6"/>
  <c r="H53" i="6"/>
  <c r="H54" i="6"/>
  <c r="G6" i="12"/>
  <c r="H6" i="12"/>
  <c r="G7" i="12"/>
  <c r="H7" i="12"/>
  <c r="G8" i="12"/>
  <c r="H8" i="12"/>
  <c r="G9" i="12"/>
  <c r="H9" i="12"/>
  <c r="H5" i="12"/>
  <c r="G5" i="12"/>
  <c r="I9" i="11"/>
  <c r="I10" i="11"/>
  <c r="I11" i="11"/>
  <c r="I12" i="11"/>
  <c r="I13" i="11"/>
  <c r="I14" i="11"/>
  <c r="I15" i="11"/>
  <c r="I16" i="11"/>
  <c r="I17" i="11"/>
  <c r="I18" i="11"/>
  <c r="I19" i="11"/>
  <c r="I20" i="11"/>
  <c r="I21" i="11"/>
  <c r="I22" i="11"/>
  <c r="I23" i="11"/>
  <c r="I24" i="11"/>
  <c r="I25" i="11"/>
  <c r="I26" i="11"/>
  <c r="I27" i="11"/>
  <c r="I28" i="11"/>
  <c r="I29" i="11"/>
  <c r="I30" i="11"/>
  <c r="I31" i="11"/>
  <c r="I32" i="11"/>
  <c r="I33" i="11"/>
  <c r="I34" i="11"/>
  <c r="I35" i="11"/>
  <c r="I36" i="11"/>
  <c r="I37" i="11"/>
  <c r="I38" i="11"/>
  <c r="I39" i="11"/>
  <c r="I40" i="11"/>
  <c r="I41" i="11"/>
  <c r="I42" i="11"/>
  <c r="I43" i="11"/>
  <c r="I44" i="11"/>
  <c r="I45" i="11"/>
  <c r="I46" i="11"/>
  <c r="I47" i="11"/>
  <c r="I48" i="11"/>
  <c r="I49" i="11"/>
  <c r="I50" i="11"/>
  <c r="I51" i="11"/>
  <c r="I52" i="11"/>
  <c r="I53" i="11"/>
  <c r="I54" i="11"/>
  <c r="H9" i="11"/>
  <c r="H10" i="11"/>
  <c r="H11" i="11"/>
  <c r="H12" i="11"/>
  <c r="H13" i="11"/>
  <c r="H14" i="11"/>
  <c r="H15" i="11"/>
  <c r="H16" i="11"/>
  <c r="H17" i="11"/>
  <c r="H18" i="11"/>
  <c r="H19" i="11"/>
  <c r="H20" i="11"/>
  <c r="H21" i="11"/>
  <c r="H22" i="11"/>
  <c r="H23" i="11"/>
  <c r="H24" i="11"/>
  <c r="H25" i="11"/>
  <c r="H26" i="11"/>
  <c r="H27" i="11"/>
  <c r="H28" i="11"/>
  <c r="H29" i="11"/>
  <c r="H30" i="11"/>
  <c r="H31" i="11"/>
  <c r="H32" i="11"/>
  <c r="H33" i="11"/>
  <c r="H34" i="11"/>
  <c r="H35" i="11"/>
  <c r="H36" i="11"/>
  <c r="H37" i="11"/>
  <c r="H38" i="11"/>
  <c r="H39" i="11"/>
  <c r="H40" i="11"/>
  <c r="H41" i="11"/>
  <c r="H42" i="11"/>
  <c r="H43" i="11"/>
  <c r="H44" i="11"/>
  <c r="H45" i="11"/>
  <c r="H46" i="11"/>
  <c r="H47" i="11"/>
  <c r="H48" i="11"/>
  <c r="H49" i="11"/>
  <c r="H50" i="11"/>
  <c r="H51" i="11"/>
  <c r="H52" i="11"/>
  <c r="H53" i="11"/>
  <c r="H54" i="11"/>
  <c r="AE6" i="3"/>
  <c r="AE7" i="3"/>
  <c r="AE8" i="3"/>
  <c r="AE9" i="3"/>
  <c r="AF9" i="3" s="1"/>
  <c r="AG9" i="3" s="1"/>
  <c r="AE10" i="3"/>
  <c r="AF10" i="3" s="1"/>
  <c r="AG10" i="3" s="1"/>
  <c r="AE11" i="3"/>
  <c r="AE12" i="3"/>
  <c r="AF12" i="3" s="1"/>
  <c r="AG12" i="3" s="1"/>
  <c r="AE13" i="3"/>
  <c r="AF13" i="3" s="1"/>
  <c r="AG13" i="3" s="1"/>
  <c r="AE14" i="3"/>
  <c r="AF14" i="3" s="1"/>
  <c r="AG14" i="3" s="1"/>
  <c r="AE15" i="3"/>
  <c r="AF15" i="3" s="1"/>
  <c r="AG15" i="3" s="1"/>
  <c r="AE16" i="3"/>
  <c r="AE17" i="3"/>
  <c r="AF17" i="3" s="1"/>
  <c r="AG17" i="3" s="1"/>
  <c r="AE18" i="3"/>
  <c r="AE19" i="3"/>
  <c r="AE20" i="3"/>
  <c r="AF20" i="3" s="1"/>
  <c r="AG20" i="3" s="1"/>
  <c r="AE21" i="3"/>
  <c r="AF21" i="3" s="1"/>
  <c r="AG21" i="3" s="1"/>
  <c r="AE22" i="3"/>
  <c r="AF22" i="3" s="1"/>
  <c r="AG22" i="3" s="1"/>
  <c r="AE23" i="3"/>
  <c r="AE24" i="3"/>
  <c r="AF24" i="3" s="1"/>
  <c r="AG24" i="3" s="1"/>
  <c r="AE25" i="3"/>
  <c r="AF25" i="3" s="1"/>
  <c r="AG25" i="3" s="1"/>
  <c r="AE26" i="3"/>
  <c r="AF26" i="3" s="1"/>
  <c r="AG26" i="3" s="1"/>
  <c r="AE27" i="3"/>
  <c r="AF27" i="3" s="1"/>
  <c r="AG27" i="3" s="1"/>
  <c r="AE28" i="3"/>
  <c r="AE29" i="3"/>
  <c r="AF29" i="3" s="1"/>
  <c r="AG29" i="3" s="1"/>
  <c r="AE30" i="3"/>
  <c r="AF30" i="3" s="1"/>
  <c r="AG30" i="3" s="1"/>
  <c r="AE31" i="3"/>
  <c r="AF31" i="3" s="1"/>
  <c r="AG31" i="3" s="1"/>
  <c r="AE32" i="3"/>
  <c r="AE33" i="3"/>
  <c r="AF33" i="3" s="1"/>
  <c r="AG33" i="3" s="1"/>
  <c r="AE34" i="3"/>
  <c r="AF34" i="3" s="1"/>
  <c r="AG34" i="3" s="1"/>
  <c r="AE35" i="3"/>
  <c r="AE36" i="3"/>
  <c r="AF36" i="3" s="1"/>
  <c r="AG36" i="3" s="1"/>
  <c r="AE37" i="3"/>
  <c r="AF37" i="3" s="1"/>
  <c r="AG37" i="3" s="1"/>
  <c r="AE38" i="3"/>
  <c r="AF38" i="3" s="1"/>
  <c r="AG38" i="3" s="1"/>
  <c r="AE39" i="3"/>
  <c r="AF39" i="3" s="1"/>
  <c r="AG39" i="3" s="1"/>
  <c r="AE40" i="3"/>
  <c r="AE41" i="3"/>
  <c r="AF41" i="3" s="1"/>
  <c r="AG41" i="3" s="1"/>
  <c r="AE42" i="3"/>
  <c r="AF42" i="3" s="1"/>
  <c r="AG42" i="3" s="1"/>
  <c r="AE43" i="3"/>
  <c r="AF43" i="3" s="1"/>
  <c r="AG43" i="3" s="1"/>
  <c r="AE44" i="3"/>
  <c r="AF44" i="3" s="1"/>
  <c r="AG44" i="3" s="1"/>
  <c r="AE45" i="3"/>
  <c r="AF45" i="3" s="1"/>
  <c r="AG45" i="3" s="1"/>
  <c r="AE46" i="3"/>
  <c r="AF46" i="3" s="1"/>
  <c r="AG46" i="3" s="1"/>
  <c r="AE47" i="3"/>
  <c r="AE48" i="3"/>
  <c r="AF48" i="3" s="1"/>
  <c r="AG48" i="3" s="1"/>
  <c r="AE49" i="3"/>
  <c r="AF49" i="3" s="1"/>
  <c r="AG49" i="3" s="1"/>
  <c r="AE50" i="3"/>
  <c r="AF50" i="3" s="1"/>
  <c r="AG50" i="3" s="1"/>
  <c r="AE51" i="3"/>
  <c r="AF51" i="3" s="1"/>
  <c r="AG51" i="3" s="1"/>
  <c r="AE52" i="3"/>
  <c r="AE53" i="3"/>
  <c r="AF53" i="3" s="1"/>
  <c r="AG53" i="3" s="1"/>
  <c r="AE54" i="3"/>
  <c r="AF54" i="3" s="1"/>
  <c r="AG54" i="3" s="1"/>
  <c r="AF11" i="3"/>
  <c r="AG11" i="3" s="1"/>
  <c r="AF16" i="3"/>
  <c r="AG16" i="3" s="1"/>
  <c r="AF18" i="3"/>
  <c r="AG18" i="3" s="1"/>
  <c r="AF19" i="3"/>
  <c r="AG19" i="3" s="1"/>
  <c r="AF23" i="3"/>
  <c r="AG23" i="3" s="1"/>
  <c r="AF28" i="3"/>
  <c r="AG28" i="3" s="1"/>
  <c r="AF32" i="3"/>
  <c r="AG32" i="3" s="1"/>
  <c r="AF35" i="3"/>
  <c r="AG35" i="3" s="1"/>
  <c r="AF40" i="3"/>
  <c r="AG40" i="3" s="1"/>
  <c r="AF47" i="3"/>
  <c r="AG47" i="3" s="1"/>
  <c r="AF52" i="3"/>
  <c r="AG52" i="3" s="1"/>
  <c r="AE5" i="3"/>
  <c r="T9" i="3" l="1"/>
  <c r="V9" i="3" s="1"/>
  <c r="C9" i="6" l="1"/>
  <c r="D9" i="6"/>
  <c r="E9" i="6"/>
  <c r="F9" i="6"/>
  <c r="G9" i="6"/>
  <c r="C10" i="6"/>
  <c r="D10" i="6"/>
  <c r="E10" i="6"/>
  <c r="F10" i="6"/>
  <c r="G10" i="6"/>
  <c r="C11" i="6"/>
  <c r="D11" i="6"/>
  <c r="E11" i="6"/>
  <c r="F11" i="6"/>
  <c r="G11" i="6"/>
  <c r="C12" i="6"/>
  <c r="D12" i="6"/>
  <c r="E12" i="6"/>
  <c r="F12" i="6"/>
  <c r="G12" i="6"/>
  <c r="C13" i="6"/>
  <c r="D13" i="6"/>
  <c r="E13" i="6"/>
  <c r="F13" i="6"/>
  <c r="G13" i="6"/>
  <c r="C14" i="6"/>
  <c r="D14" i="6"/>
  <c r="E14" i="6"/>
  <c r="F14" i="6"/>
  <c r="G14" i="6"/>
  <c r="C15" i="6"/>
  <c r="D15" i="6"/>
  <c r="E15" i="6"/>
  <c r="F15" i="6"/>
  <c r="G15" i="6"/>
  <c r="C16" i="6"/>
  <c r="D16" i="6"/>
  <c r="E16" i="6"/>
  <c r="F16" i="6"/>
  <c r="G16" i="6"/>
  <c r="C17" i="6"/>
  <c r="D17" i="6"/>
  <c r="E17" i="6"/>
  <c r="F17" i="6"/>
  <c r="G17" i="6"/>
  <c r="C18" i="6"/>
  <c r="D18" i="6"/>
  <c r="E18" i="6"/>
  <c r="F18" i="6"/>
  <c r="G18" i="6"/>
  <c r="C19" i="6"/>
  <c r="D19" i="6"/>
  <c r="E19" i="6"/>
  <c r="F19" i="6"/>
  <c r="G19" i="6"/>
  <c r="C20" i="6"/>
  <c r="D20" i="6"/>
  <c r="E20" i="6"/>
  <c r="F20" i="6"/>
  <c r="G20" i="6"/>
  <c r="C21" i="6"/>
  <c r="D21" i="6"/>
  <c r="E21" i="6"/>
  <c r="F21" i="6"/>
  <c r="G21" i="6"/>
  <c r="C22" i="6"/>
  <c r="D22" i="6"/>
  <c r="E22" i="6"/>
  <c r="F22" i="6"/>
  <c r="G22" i="6"/>
  <c r="C23" i="6"/>
  <c r="D23" i="6"/>
  <c r="E23" i="6"/>
  <c r="F23" i="6"/>
  <c r="G23" i="6"/>
  <c r="C24" i="6"/>
  <c r="D24" i="6"/>
  <c r="E24" i="6"/>
  <c r="F24" i="6"/>
  <c r="G24" i="6"/>
  <c r="C25" i="6"/>
  <c r="D25" i="6"/>
  <c r="E25" i="6"/>
  <c r="F25" i="6"/>
  <c r="G25" i="6"/>
  <c r="C26" i="6"/>
  <c r="D26" i="6"/>
  <c r="E26" i="6"/>
  <c r="F26" i="6"/>
  <c r="G26" i="6"/>
  <c r="C27" i="6"/>
  <c r="D27" i="6"/>
  <c r="E27" i="6"/>
  <c r="F27" i="6"/>
  <c r="G27" i="6"/>
  <c r="C28" i="6"/>
  <c r="D28" i="6"/>
  <c r="E28" i="6"/>
  <c r="F28" i="6"/>
  <c r="G28" i="6"/>
  <c r="C29" i="6"/>
  <c r="D29" i="6"/>
  <c r="E29" i="6"/>
  <c r="F29" i="6"/>
  <c r="G29" i="6"/>
  <c r="C30" i="6"/>
  <c r="D30" i="6"/>
  <c r="E30" i="6"/>
  <c r="F30" i="6"/>
  <c r="G30" i="6"/>
  <c r="C31" i="6"/>
  <c r="D31" i="6"/>
  <c r="E31" i="6"/>
  <c r="F31" i="6"/>
  <c r="G31" i="6"/>
  <c r="C32" i="6"/>
  <c r="D32" i="6"/>
  <c r="E32" i="6"/>
  <c r="F32" i="6"/>
  <c r="G32" i="6"/>
  <c r="C33" i="6"/>
  <c r="D33" i="6"/>
  <c r="E33" i="6"/>
  <c r="F33" i="6"/>
  <c r="G33" i="6"/>
  <c r="C34" i="6"/>
  <c r="D34" i="6"/>
  <c r="E34" i="6"/>
  <c r="F34" i="6"/>
  <c r="G34" i="6"/>
  <c r="C35" i="6"/>
  <c r="D35" i="6"/>
  <c r="E35" i="6"/>
  <c r="F35" i="6"/>
  <c r="G35" i="6"/>
  <c r="C36" i="6"/>
  <c r="D36" i="6"/>
  <c r="E36" i="6"/>
  <c r="F36" i="6"/>
  <c r="G36" i="6"/>
  <c r="C37" i="6"/>
  <c r="D37" i="6"/>
  <c r="E37" i="6"/>
  <c r="F37" i="6"/>
  <c r="G37" i="6"/>
  <c r="C38" i="6"/>
  <c r="D38" i="6"/>
  <c r="E38" i="6"/>
  <c r="F38" i="6"/>
  <c r="G38" i="6"/>
  <c r="C39" i="6"/>
  <c r="D39" i="6"/>
  <c r="E39" i="6"/>
  <c r="F39" i="6"/>
  <c r="G39" i="6"/>
  <c r="C40" i="6"/>
  <c r="D40" i="6"/>
  <c r="E40" i="6"/>
  <c r="F40" i="6"/>
  <c r="G40" i="6"/>
  <c r="C41" i="6"/>
  <c r="D41" i="6"/>
  <c r="E41" i="6"/>
  <c r="F41" i="6"/>
  <c r="G41" i="6"/>
  <c r="C42" i="6"/>
  <c r="D42" i="6"/>
  <c r="E42" i="6"/>
  <c r="F42" i="6"/>
  <c r="G42" i="6"/>
  <c r="C43" i="6"/>
  <c r="D43" i="6"/>
  <c r="E43" i="6"/>
  <c r="F43" i="6"/>
  <c r="G43" i="6"/>
  <c r="C44" i="6"/>
  <c r="D44" i="6"/>
  <c r="E44" i="6"/>
  <c r="F44" i="6"/>
  <c r="G44" i="6"/>
  <c r="C45" i="6"/>
  <c r="D45" i="6"/>
  <c r="E45" i="6"/>
  <c r="F45" i="6"/>
  <c r="G45" i="6"/>
  <c r="C46" i="6"/>
  <c r="D46" i="6"/>
  <c r="E46" i="6"/>
  <c r="F46" i="6"/>
  <c r="G46" i="6"/>
  <c r="C47" i="6"/>
  <c r="D47" i="6"/>
  <c r="E47" i="6"/>
  <c r="F47" i="6"/>
  <c r="G47" i="6"/>
  <c r="C48" i="6"/>
  <c r="D48" i="6"/>
  <c r="E48" i="6"/>
  <c r="F48" i="6"/>
  <c r="G48" i="6"/>
  <c r="C49" i="6"/>
  <c r="D49" i="6"/>
  <c r="E49" i="6"/>
  <c r="F49" i="6"/>
  <c r="G49" i="6"/>
  <c r="C50" i="6"/>
  <c r="D50" i="6"/>
  <c r="E50" i="6"/>
  <c r="F50" i="6"/>
  <c r="G50" i="6"/>
  <c r="C51" i="6"/>
  <c r="D51" i="6"/>
  <c r="E51" i="6"/>
  <c r="F51" i="6"/>
  <c r="G51" i="6"/>
  <c r="C52" i="6"/>
  <c r="D52" i="6"/>
  <c r="E52" i="6"/>
  <c r="F52" i="6"/>
  <c r="G52" i="6"/>
  <c r="C53" i="6"/>
  <c r="D53" i="6"/>
  <c r="E53" i="6"/>
  <c r="F53" i="6"/>
  <c r="G53" i="6"/>
  <c r="C54" i="6"/>
  <c r="D54" i="6"/>
  <c r="E54" i="6"/>
  <c r="F54" i="6"/>
  <c r="G54" i="6"/>
  <c r="X6" i="3"/>
  <c r="X7" i="3"/>
  <c r="X8" i="3"/>
  <c r="X9" i="3"/>
  <c r="X10" i="3"/>
  <c r="X11" i="3"/>
  <c r="X12" i="3"/>
  <c r="X13" i="3"/>
  <c r="X14" i="3"/>
  <c r="X15" i="3"/>
  <c r="X16" i="3"/>
  <c r="X17" i="3"/>
  <c r="X18" i="3"/>
  <c r="X19" i="3"/>
  <c r="X20" i="3"/>
  <c r="X21" i="3"/>
  <c r="X22" i="3"/>
  <c r="X23" i="3"/>
  <c r="X24" i="3"/>
  <c r="X25" i="3"/>
  <c r="X26" i="3"/>
  <c r="X27" i="3"/>
  <c r="X28" i="3"/>
  <c r="X29" i="3"/>
  <c r="X30" i="3"/>
  <c r="X31" i="3"/>
  <c r="X32" i="3"/>
  <c r="X33" i="3"/>
  <c r="X34" i="3"/>
  <c r="X35" i="3"/>
  <c r="X36" i="3"/>
  <c r="X37" i="3"/>
  <c r="X38" i="3"/>
  <c r="X39" i="3"/>
  <c r="X40" i="3"/>
  <c r="X41" i="3"/>
  <c r="X42" i="3"/>
  <c r="X43" i="3"/>
  <c r="X44" i="3"/>
  <c r="X45" i="3"/>
  <c r="X46" i="3"/>
  <c r="X47" i="3"/>
  <c r="X48" i="3"/>
  <c r="X49" i="3"/>
  <c r="X50" i="3"/>
  <c r="X51" i="3"/>
  <c r="X52" i="3"/>
  <c r="X53" i="3"/>
  <c r="X54" i="3"/>
  <c r="X5" i="3"/>
  <c r="C7" i="12"/>
  <c r="D7" i="12"/>
  <c r="E7" i="12"/>
  <c r="F7" i="12"/>
  <c r="C8" i="12"/>
  <c r="D8" i="12"/>
  <c r="E8" i="12"/>
  <c r="F8" i="12"/>
  <c r="G9" i="11"/>
  <c r="G10" i="11"/>
  <c r="G11" i="11"/>
  <c r="G12" i="11"/>
  <c r="G13" i="11"/>
  <c r="G14" i="11"/>
  <c r="G15" i="11"/>
  <c r="G16" i="11"/>
  <c r="G17" i="11"/>
  <c r="G18" i="11"/>
  <c r="G19" i="11"/>
  <c r="G20" i="11"/>
  <c r="G21" i="11"/>
  <c r="G22" i="11"/>
  <c r="G23" i="11"/>
  <c r="G24" i="11"/>
  <c r="G25" i="11"/>
  <c r="G26" i="11"/>
  <c r="G27" i="11"/>
  <c r="G28" i="11"/>
  <c r="G29" i="11"/>
  <c r="G30" i="11"/>
  <c r="G31" i="11"/>
  <c r="G32" i="11"/>
  <c r="G33" i="11"/>
  <c r="G34" i="11"/>
  <c r="G35" i="11"/>
  <c r="G36" i="11"/>
  <c r="G37" i="11"/>
  <c r="G38" i="11"/>
  <c r="G39" i="11"/>
  <c r="G40" i="11"/>
  <c r="G41" i="11"/>
  <c r="G42" i="11"/>
  <c r="G43" i="11"/>
  <c r="G44" i="11"/>
  <c r="G45" i="11"/>
  <c r="G46" i="11"/>
  <c r="G47" i="11"/>
  <c r="G48" i="11"/>
  <c r="G49" i="11"/>
  <c r="G50" i="11"/>
  <c r="G51" i="11"/>
  <c r="G52" i="11"/>
  <c r="G53" i="11"/>
  <c r="G54" i="11"/>
  <c r="F9" i="11"/>
  <c r="F10" i="11"/>
  <c r="F11" i="11"/>
  <c r="F12" i="11"/>
  <c r="F13" i="11"/>
  <c r="F14" i="11"/>
  <c r="F15" i="11"/>
  <c r="F16" i="11"/>
  <c r="F17" i="11"/>
  <c r="F18" i="11"/>
  <c r="F19" i="11"/>
  <c r="F20" i="11"/>
  <c r="F21" i="11"/>
  <c r="F22" i="11"/>
  <c r="F23" i="11"/>
  <c r="F24" i="11"/>
  <c r="F25" i="11"/>
  <c r="F26" i="11"/>
  <c r="F27" i="11"/>
  <c r="F28" i="11"/>
  <c r="F29" i="11"/>
  <c r="F30" i="11"/>
  <c r="F31" i="11"/>
  <c r="F32" i="11"/>
  <c r="F33" i="11"/>
  <c r="F34" i="11"/>
  <c r="F35" i="11"/>
  <c r="F36" i="11"/>
  <c r="F37" i="11"/>
  <c r="F38" i="11"/>
  <c r="F39" i="11"/>
  <c r="F40" i="11"/>
  <c r="F41" i="11"/>
  <c r="F42" i="11"/>
  <c r="F43" i="11"/>
  <c r="F44" i="11"/>
  <c r="F45" i="11"/>
  <c r="F46" i="11"/>
  <c r="F47" i="11"/>
  <c r="F48" i="11"/>
  <c r="F49" i="11"/>
  <c r="F50" i="11"/>
  <c r="F51" i="11"/>
  <c r="F52" i="11"/>
  <c r="F53" i="11"/>
  <c r="F54" i="11"/>
  <c r="E9" i="11"/>
  <c r="E10" i="11"/>
  <c r="E11" i="11"/>
  <c r="E12" i="11"/>
  <c r="E13" i="11"/>
  <c r="E14" i="11"/>
  <c r="E15" i="11"/>
  <c r="E16" i="11"/>
  <c r="E17" i="11"/>
  <c r="E18" i="11"/>
  <c r="E19" i="11"/>
  <c r="E20" i="11"/>
  <c r="E21" i="11"/>
  <c r="E22" i="11"/>
  <c r="E23" i="11"/>
  <c r="E24" i="11"/>
  <c r="E25" i="11"/>
  <c r="E26" i="11"/>
  <c r="E27" i="11"/>
  <c r="E28" i="11"/>
  <c r="E29" i="11"/>
  <c r="E30" i="11"/>
  <c r="E31" i="11"/>
  <c r="E32" i="11"/>
  <c r="E33" i="11"/>
  <c r="E34" i="11"/>
  <c r="E35" i="11"/>
  <c r="E36" i="11"/>
  <c r="E37" i="11"/>
  <c r="E38" i="11"/>
  <c r="E39" i="11"/>
  <c r="E40" i="11"/>
  <c r="E41" i="11"/>
  <c r="E42" i="11"/>
  <c r="E43" i="11"/>
  <c r="E44" i="11"/>
  <c r="E45" i="11"/>
  <c r="E46" i="11"/>
  <c r="E47" i="11"/>
  <c r="E48" i="11"/>
  <c r="E49" i="11"/>
  <c r="E50" i="11"/>
  <c r="E51" i="11"/>
  <c r="E52" i="11"/>
  <c r="E53" i="11"/>
  <c r="E54" i="11"/>
  <c r="D9" i="11"/>
  <c r="D10" i="11"/>
  <c r="D11" i="11"/>
  <c r="D12" i="11"/>
  <c r="D13" i="11"/>
  <c r="D14" i="11"/>
  <c r="D15" i="11"/>
  <c r="D16" i="11"/>
  <c r="D17" i="11"/>
  <c r="D18" i="11"/>
  <c r="D19" i="11"/>
  <c r="D20" i="11"/>
  <c r="D21" i="11"/>
  <c r="D22" i="11"/>
  <c r="D23" i="11"/>
  <c r="D24" i="11"/>
  <c r="D25" i="11"/>
  <c r="D26" i="11"/>
  <c r="D27" i="11"/>
  <c r="D28" i="11"/>
  <c r="D29" i="11"/>
  <c r="D30" i="11"/>
  <c r="D31" i="11"/>
  <c r="D32" i="11"/>
  <c r="D33" i="11"/>
  <c r="D34" i="11"/>
  <c r="D35" i="11"/>
  <c r="D36" i="11"/>
  <c r="D37" i="11"/>
  <c r="D38" i="11"/>
  <c r="D39" i="11"/>
  <c r="D40" i="11"/>
  <c r="D41" i="11"/>
  <c r="D42" i="11"/>
  <c r="D43" i="11"/>
  <c r="D44" i="11"/>
  <c r="D45" i="11"/>
  <c r="D46" i="11"/>
  <c r="D47" i="11"/>
  <c r="D48" i="11"/>
  <c r="D49" i="11"/>
  <c r="D50" i="11"/>
  <c r="D51" i="11"/>
  <c r="D52" i="11"/>
  <c r="D53" i="11"/>
  <c r="D54" i="11"/>
  <c r="C9" i="11"/>
  <c r="C10" i="11"/>
  <c r="C11" i="11"/>
  <c r="C12" i="11"/>
  <c r="C13" i="11"/>
  <c r="C14" i="11"/>
  <c r="C15" i="11"/>
  <c r="C16" i="11"/>
  <c r="C17" i="11"/>
  <c r="C18" i="11"/>
  <c r="C19" i="11"/>
  <c r="C20" i="11"/>
  <c r="C21" i="11"/>
  <c r="C22" i="11"/>
  <c r="C23" i="11"/>
  <c r="C24" i="11"/>
  <c r="C25" i="11"/>
  <c r="C26" i="11"/>
  <c r="C27" i="11"/>
  <c r="C28" i="11"/>
  <c r="C29" i="11"/>
  <c r="C30" i="11"/>
  <c r="C31" i="11"/>
  <c r="C32" i="11"/>
  <c r="C33" i="11"/>
  <c r="C34" i="11"/>
  <c r="C35" i="11"/>
  <c r="C36" i="11"/>
  <c r="C37" i="11"/>
  <c r="C38" i="11"/>
  <c r="C39" i="11"/>
  <c r="C40" i="11"/>
  <c r="C41" i="11"/>
  <c r="C42" i="11"/>
  <c r="C43" i="11"/>
  <c r="C44" i="11"/>
  <c r="C45" i="11"/>
  <c r="C46" i="11"/>
  <c r="C47" i="11"/>
  <c r="C48" i="11"/>
  <c r="C49" i="11"/>
  <c r="C50" i="11"/>
  <c r="C51" i="11"/>
  <c r="C52" i="11"/>
  <c r="C53" i="11"/>
  <c r="C54" i="11"/>
  <c r="B10" i="12" l="1"/>
  <c r="B11" i="12"/>
  <c r="B12" i="12"/>
  <c r="B13" i="12"/>
  <c r="B14" i="12"/>
  <c r="B15" i="12"/>
  <c r="B16" i="12"/>
  <c r="B17" i="12"/>
  <c r="B18" i="12"/>
  <c r="B19" i="12"/>
  <c r="B20" i="12"/>
  <c r="B21" i="12"/>
  <c r="B22" i="12"/>
  <c r="B23" i="12"/>
  <c r="B24" i="12"/>
  <c r="B25" i="12"/>
  <c r="B26" i="12"/>
  <c r="B27" i="12"/>
  <c r="B28" i="12"/>
  <c r="B29" i="12"/>
  <c r="B30" i="12"/>
  <c r="B31" i="12"/>
  <c r="B32" i="12"/>
  <c r="B33" i="12"/>
  <c r="B34" i="12"/>
  <c r="B35" i="12"/>
  <c r="B36" i="12"/>
  <c r="B37" i="12"/>
  <c r="B38" i="12"/>
  <c r="B39" i="12"/>
  <c r="B40" i="12"/>
  <c r="B41" i="12"/>
  <c r="B42" i="12"/>
  <c r="B43" i="12"/>
  <c r="B44" i="12"/>
  <c r="B45" i="12"/>
  <c r="B46" i="12"/>
  <c r="B47" i="12"/>
  <c r="B48" i="12"/>
  <c r="B49" i="12"/>
  <c r="B50" i="12"/>
  <c r="B51" i="12"/>
  <c r="B52" i="12"/>
  <c r="B53" i="12"/>
  <c r="B54" i="12"/>
  <c r="E2" i="11"/>
  <c r="G46" i="12" l="1"/>
  <c r="H46" i="12"/>
  <c r="G34" i="12"/>
  <c r="H34" i="12"/>
  <c r="G22" i="12"/>
  <c r="H22" i="12"/>
  <c r="G10" i="12"/>
  <c r="H10" i="12"/>
  <c r="G45" i="12"/>
  <c r="H45" i="12"/>
  <c r="G33" i="12"/>
  <c r="H33" i="12"/>
  <c r="G21" i="12"/>
  <c r="H21" i="12"/>
  <c r="G47" i="12"/>
  <c r="H47" i="12"/>
  <c r="H44" i="12"/>
  <c r="G44" i="12"/>
  <c r="G19" i="12"/>
  <c r="H19" i="12"/>
  <c r="G53" i="12"/>
  <c r="H53" i="12"/>
  <c r="G40" i="12"/>
  <c r="H40" i="12"/>
  <c r="G28" i="12"/>
  <c r="H28" i="12"/>
  <c r="G16" i="12"/>
  <c r="H16" i="12"/>
  <c r="G11" i="12"/>
  <c r="H11" i="12"/>
  <c r="H31" i="12"/>
  <c r="G31" i="12"/>
  <c r="G42" i="12"/>
  <c r="H42" i="12"/>
  <c r="G29" i="12"/>
  <c r="H29" i="12"/>
  <c r="G51" i="12"/>
  <c r="H51" i="12"/>
  <c r="G39" i="12"/>
  <c r="H39" i="12"/>
  <c r="G27" i="12"/>
  <c r="H27" i="12"/>
  <c r="G15" i="12"/>
  <c r="H15" i="12"/>
  <c r="H32" i="12"/>
  <c r="G32" i="12"/>
  <c r="G54" i="12"/>
  <c r="H54" i="12"/>
  <c r="G41" i="12"/>
  <c r="H41" i="12"/>
  <c r="H50" i="12"/>
  <c r="G50" i="12"/>
  <c r="H38" i="12"/>
  <c r="G38" i="12"/>
  <c r="H26" i="12"/>
  <c r="G26" i="12"/>
  <c r="H14" i="12"/>
  <c r="G14" i="12"/>
  <c r="G35" i="12"/>
  <c r="H35" i="12"/>
  <c r="H20" i="12"/>
  <c r="G20" i="12"/>
  <c r="G30" i="12"/>
  <c r="H30" i="12"/>
  <c r="G17" i="12"/>
  <c r="H17" i="12"/>
  <c r="H49" i="12"/>
  <c r="G49" i="12"/>
  <c r="H37" i="12"/>
  <c r="G37" i="12"/>
  <c r="H25" i="12"/>
  <c r="G25" i="12"/>
  <c r="H13" i="12"/>
  <c r="G13" i="12"/>
  <c r="G23" i="12"/>
  <c r="H23" i="12"/>
  <c r="H43" i="12"/>
  <c r="G43" i="12"/>
  <c r="G18" i="12"/>
  <c r="H18" i="12"/>
  <c r="G52" i="12"/>
  <c r="H52" i="12"/>
  <c r="G48" i="12"/>
  <c r="H48" i="12"/>
  <c r="G36" i="12"/>
  <c r="H36" i="12"/>
  <c r="G24" i="12"/>
  <c r="H24" i="12"/>
  <c r="G12" i="12"/>
  <c r="H12" i="12"/>
  <c r="C13" i="12"/>
  <c r="D13" i="12"/>
  <c r="F13" i="12"/>
  <c r="E13" i="12"/>
  <c r="C24" i="12"/>
  <c r="D24" i="12"/>
  <c r="E24" i="12"/>
  <c r="F24" i="12"/>
  <c r="D11" i="12"/>
  <c r="E11" i="12"/>
  <c r="F11" i="12"/>
  <c r="C11" i="12"/>
  <c r="C34" i="12"/>
  <c r="D34" i="12"/>
  <c r="F34" i="12"/>
  <c r="E34" i="12"/>
  <c r="C33" i="12"/>
  <c r="D33" i="12"/>
  <c r="E33" i="12"/>
  <c r="F33" i="12"/>
  <c r="D44" i="12"/>
  <c r="E44" i="12"/>
  <c r="F44" i="12"/>
  <c r="C44" i="12"/>
  <c r="D32" i="12"/>
  <c r="E32" i="12"/>
  <c r="F32" i="12"/>
  <c r="C32" i="12"/>
  <c r="D20" i="12"/>
  <c r="E20" i="12"/>
  <c r="F20" i="12"/>
  <c r="C20" i="12"/>
  <c r="C43" i="12"/>
  <c r="F43" i="12"/>
  <c r="D43" i="12"/>
  <c r="E43" i="12"/>
  <c r="C31" i="12"/>
  <c r="F31" i="12"/>
  <c r="D31" i="12"/>
  <c r="E31" i="12"/>
  <c r="F19" i="12"/>
  <c r="C19" i="12"/>
  <c r="D19" i="12"/>
  <c r="E19" i="12"/>
  <c r="F25" i="12"/>
  <c r="C25" i="12"/>
  <c r="D25" i="12"/>
  <c r="E25" i="12"/>
  <c r="C12" i="12"/>
  <c r="D12" i="12"/>
  <c r="E12" i="12"/>
  <c r="F12" i="12"/>
  <c r="D23" i="12"/>
  <c r="E23" i="12"/>
  <c r="F23" i="12"/>
  <c r="C23" i="12"/>
  <c r="C22" i="12"/>
  <c r="D22" i="12"/>
  <c r="E22" i="12"/>
  <c r="F22" i="12"/>
  <c r="C21" i="12"/>
  <c r="D21" i="12"/>
  <c r="E21" i="12"/>
  <c r="F21" i="12"/>
  <c r="C42" i="12"/>
  <c r="D42" i="12"/>
  <c r="E42" i="12"/>
  <c r="F42" i="12"/>
  <c r="C30" i="12"/>
  <c r="D30" i="12"/>
  <c r="E30" i="12"/>
  <c r="F30" i="12"/>
  <c r="D53" i="12"/>
  <c r="E53" i="12"/>
  <c r="F53" i="12"/>
  <c r="C53" i="12"/>
  <c r="D41" i="12"/>
  <c r="E41" i="12"/>
  <c r="F41" i="12"/>
  <c r="C41" i="12"/>
  <c r="D29" i="12"/>
  <c r="E29" i="12"/>
  <c r="F29" i="12"/>
  <c r="C29" i="12"/>
  <c r="D17" i="12"/>
  <c r="E17" i="12"/>
  <c r="F17" i="12"/>
  <c r="C17" i="12"/>
  <c r="F37" i="12"/>
  <c r="D37" i="12"/>
  <c r="E37" i="12"/>
  <c r="C37" i="12"/>
  <c r="C36" i="12"/>
  <c r="D36" i="12"/>
  <c r="E36" i="12"/>
  <c r="F36" i="12"/>
  <c r="D35" i="12"/>
  <c r="E35" i="12"/>
  <c r="F35" i="12"/>
  <c r="C35" i="12"/>
  <c r="F46" i="12"/>
  <c r="C46" i="12"/>
  <c r="D46" i="12"/>
  <c r="E46" i="12"/>
  <c r="C45" i="12"/>
  <c r="D45" i="12"/>
  <c r="E45" i="12"/>
  <c r="F45" i="12"/>
  <c r="C54" i="12"/>
  <c r="D54" i="12"/>
  <c r="E54" i="12"/>
  <c r="F54" i="12"/>
  <c r="C18" i="12"/>
  <c r="D18" i="12"/>
  <c r="E18" i="12"/>
  <c r="F18" i="12"/>
  <c r="C52" i="12"/>
  <c r="D52" i="12"/>
  <c r="E52" i="12"/>
  <c r="F52" i="12"/>
  <c r="C40" i="12"/>
  <c r="F40" i="12"/>
  <c r="D40" i="12"/>
  <c r="E40" i="12"/>
  <c r="C28" i="12"/>
  <c r="D28" i="12"/>
  <c r="E28" i="12"/>
  <c r="F28" i="12"/>
  <c r="C16" i="12"/>
  <c r="F16" i="12"/>
  <c r="D16" i="12"/>
  <c r="E16" i="12"/>
  <c r="F49" i="12"/>
  <c r="C49" i="12"/>
  <c r="D49" i="12"/>
  <c r="E49" i="12"/>
  <c r="C48" i="12"/>
  <c r="D48" i="12"/>
  <c r="E48" i="12"/>
  <c r="F48" i="12"/>
  <c r="D47" i="12"/>
  <c r="E47" i="12"/>
  <c r="F47" i="12"/>
  <c r="C47" i="12"/>
  <c r="C10" i="12"/>
  <c r="F10" i="12"/>
  <c r="D10" i="12"/>
  <c r="E10" i="12"/>
  <c r="C51" i="12"/>
  <c r="D51" i="12"/>
  <c r="E51" i="12"/>
  <c r="F51" i="12"/>
  <c r="C39" i="12"/>
  <c r="D39" i="12"/>
  <c r="E39" i="12"/>
  <c r="F39" i="12"/>
  <c r="C27" i="12"/>
  <c r="D27" i="12"/>
  <c r="E27" i="12"/>
  <c r="F27" i="12"/>
  <c r="C15" i="12"/>
  <c r="D15" i="12"/>
  <c r="E15" i="12"/>
  <c r="F15" i="12"/>
  <c r="D50" i="12"/>
  <c r="E50" i="12"/>
  <c r="F50" i="12"/>
  <c r="C50" i="12"/>
  <c r="D38" i="12"/>
  <c r="E38" i="12"/>
  <c r="F38" i="12"/>
  <c r="C38" i="12"/>
  <c r="D26" i="12"/>
  <c r="E26" i="12"/>
  <c r="F26" i="12"/>
  <c r="C26" i="12"/>
  <c r="D14" i="12"/>
  <c r="E14" i="12"/>
  <c r="F14" i="12"/>
  <c r="C14" i="12"/>
  <c r="C9" i="12"/>
  <c r="D9" i="12"/>
  <c r="E9" i="12"/>
  <c r="F9" i="12"/>
  <c r="K8" i="3"/>
  <c r="K5" i="6" l="1"/>
  <c r="I5" i="11"/>
  <c r="I4" i="6"/>
  <c r="K6" i="6"/>
  <c r="H6" i="11"/>
  <c r="M5" i="6"/>
  <c r="I5" i="6"/>
  <c r="K4" i="6"/>
  <c r="J4" i="6"/>
  <c r="L5" i="6"/>
  <c r="I8" i="11"/>
  <c r="H5" i="6"/>
  <c r="H5" i="11"/>
  <c r="M6" i="6"/>
  <c r="M4" i="6"/>
  <c r="J5" i="6"/>
  <c r="I7" i="11"/>
  <c r="H6" i="6"/>
  <c r="L6" i="6"/>
  <c r="L4" i="6"/>
  <c r="H4" i="6"/>
  <c r="H7" i="11"/>
  <c r="H8" i="11"/>
  <c r="I6" i="6"/>
  <c r="I6" i="11"/>
  <c r="J6" i="6"/>
  <c r="G4" i="6"/>
  <c r="F4" i="6"/>
  <c r="C4" i="6"/>
  <c r="D4" i="6"/>
  <c r="E4" i="6"/>
  <c r="E5" i="6"/>
  <c r="D5" i="6"/>
  <c r="C5" i="6"/>
  <c r="F5" i="6"/>
  <c r="C6" i="6"/>
  <c r="F6" i="6"/>
  <c r="E6" i="6"/>
  <c r="D6" i="6"/>
  <c r="C6" i="12"/>
  <c r="F7" i="6"/>
  <c r="E6" i="12"/>
  <c r="E7" i="6"/>
  <c r="F6" i="12"/>
  <c r="D7" i="6"/>
  <c r="G8" i="6"/>
  <c r="C7" i="6"/>
  <c r="C8" i="6"/>
  <c r="G7" i="6"/>
  <c r="D8" i="6"/>
  <c r="E8" i="6"/>
  <c r="F8" i="6"/>
  <c r="D6" i="12"/>
  <c r="D5" i="12"/>
  <c r="C5" i="12"/>
  <c r="F7" i="11"/>
  <c r="E6" i="11"/>
  <c r="C7" i="11"/>
  <c r="F8" i="11"/>
  <c r="E7" i="11"/>
  <c r="D6" i="11"/>
  <c r="E8" i="11"/>
  <c r="D7" i="11"/>
  <c r="C6" i="11"/>
  <c r="E5" i="11"/>
  <c r="D5" i="11"/>
  <c r="C5" i="11"/>
  <c r="F5" i="11"/>
  <c r="C8" i="11"/>
  <c r="D8" i="11"/>
  <c r="F6" i="11"/>
  <c r="E5" i="12"/>
  <c r="K6" i="3"/>
  <c r="Q9" i="3" l="1"/>
  <c r="R9" i="3"/>
  <c r="O9" i="3"/>
  <c r="N9" i="3"/>
  <c r="S9" i="3"/>
  <c r="F5" i="12" l="1"/>
  <c r="K9" i="3"/>
  <c r="K10" i="3"/>
  <c r="K11" i="3"/>
  <c r="K12" i="3"/>
  <c r="K13" i="3"/>
  <c r="K14" i="3"/>
  <c r="K15" i="3"/>
  <c r="K16" i="3"/>
  <c r="K17" i="3"/>
  <c r="K18" i="3"/>
  <c r="K19" i="3"/>
  <c r="K20" i="3"/>
  <c r="K21" i="3"/>
  <c r="K22" i="3"/>
  <c r="K23" i="3"/>
  <c r="K24" i="3"/>
  <c r="K25" i="3"/>
  <c r="K26" i="3"/>
  <c r="K27" i="3"/>
  <c r="K28" i="3"/>
  <c r="K29" i="3"/>
  <c r="K30" i="3"/>
  <c r="K31" i="3"/>
  <c r="K32" i="3"/>
  <c r="K33" i="3"/>
  <c r="K34" i="3"/>
  <c r="K35" i="3"/>
  <c r="K36" i="3"/>
  <c r="K37" i="3"/>
  <c r="K38" i="3"/>
  <c r="K39" i="3"/>
  <c r="K40" i="3"/>
  <c r="K41" i="3"/>
  <c r="K42" i="3"/>
  <c r="K43" i="3"/>
  <c r="K44" i="3"/>
  <c r="K45" i="3"/>
  <c r="K46" i="3"/>
  <c r="K47" i="3"/>
  <c r="K48" i="3"/>
  <c r="K49" i="3"/>
  <c r="K50" i="3"/>
  <c r="K51" i="3"/>
  <c r="K52" i="3"/>
  <c r="K53" i="3"/>
  <c r="K54" i="3"/>
  <c r="N5" i="3"/>
  <c r="T54" i="3" l="1"/>
  <c r="V54" i="3" s="1"/>
  <c r="S54" i="3"/>
  <c r="R54" i="3"/>
  <c r="Q54" i="3"/>
  <c r="O54" i="3"/>
  <c r="N54" i="3"/>
  <c r="T53" i="3"/>
  <c r="V53" i="3" s="1"/>
  <c r="S53" i="3"/>
  <c r="R53" i="3"/>
  <c r="Q53" i="3"/>
  <c r="O53" i="3"/>
  <c r="N53" i="3"/>
  <c r="T52" i="3"/>
  <c r="V52" i="3" s="1"/>
  <c r="S52" i="3"/>
  <c r="R52" i="3"/>
  <c r="Q52" i="3"/>
  <c r="O52" i="3"/>
  <c r="N52" i="3"/>
  <c r="T51" i="3"/>
  <c r="V51" i="3" s="1"/>
  <c r="S51" i="3"/>
  <c r="R51" i="3"/>
  <c r="Q51" i="3"/>
  <c r="O51" i="3"/>
  <c r="N51" i="3"/>
  <c r="T50" i="3"/>
  <c r="V50" i="3" s="1"/>
  <c r="S50" i="3"/>
  <c r="R50" i="3"/>
  <c r="Q50" i="3"/>
  <c r="O50" i="3"/>
  <c r="N50" i="3"/>
  <c r="T49" i="3"/>
  <c r="V49" i="3" s="1"/>
  <c r="S49" i="3"/>
  <c r="R49" i="3"/>
  <c r="Q49" i="3"/>
  <c r="O49" i="3"/>
  <c r="N49" i="3"/>
  <c r="T48" i="3"/>
  <c r="V48" i="3" s="1"/>
  <c r="S48" i="3"/>
  <c r="R48" i="3"/>
  <c r="Q48" i="3"/>
  <c r="O48" i="3"/>
  <c r="N48" i="3"/>
  <c r="T47" i="3"/>
  <c r="V47" i="3" s="1"/>
  <c r="S47" i="3"/>
  <c r="R47" i="3"/>
  <c r="Q47" i="3"/>
  <c r="O47" i="3"/>
  <c r="N47" i="3"/>
  <c r="T46" i="3"/>
  <c r="V46" i="3" s="1"/>
  <c r="S46" i="3"/>
  <c r="R46" i="3"/>
  <c r="Q46" i="3"/>
  <c r="O46" i="3"/>
  <c r="N46" i="3"/>
  <c r="T45" i="3"/>
  <c r="V45" i="3" s="1"/>
  <c r="S45" i="3"/>
  <c r="R45" i="3"/>
  <c r="Q45" i="3"/>
  <c r="O45" i="3"/>
  <c r="N45" i="3"/>
  <c r="T44" i="3"/>
  <c r="V44" i="3" s="1"/>
  <c r="S44" i="3"/>
  <c r="R44" i="3"/>
  <c r="Q44" i="3"/>
  <c r="O44" i="3"/>
  <c r="N44" i="3"/>
  <c r="T43" i="3"/>
  <c r="V43" i="3" s="1"/>
  <c r="S43" i="3"/>
  <c r="R43" i="3"/>
  <c r="Q43" i="3"/>
  <c r="O43" i="3"/>
  <c r="N43" i="3"/>
  <c r="T42" i="3"/>
  <c r="V42" i="3" s="1"/>
  <c r="S42" i="3"/>
  <c r="R42" i="3"/>
  <c r="Q42" i="3"/>
  <c r="O42" i="3"/>
  <c r="N42" i="3"/>
  <c r="T41" i="3"/>
  <c r="V41" i="3" s="1"/>
  <c r="S41" i="3"/>
  <c r="R41" i="3"/>
  <c r="Q41" i="3"/>
  <c r="O41" i="3"/>
  <c r="N41" i="3"/>
  <c r="T40" i="3"/>
  <c r="V40" i="3" s="1"/>
  <c r="S40" i="3"/>
  <c r="R40" i="3"/>
  <c r="Q40" i="3"/>
  <c r="O40" i="3"/>
  <c r="N40" i="3"/>
  <c r="T39" i="3"/>
  <c r="V39" i="3" s="1"/>
  <c r="S39" i="3"/>
  <c r="R39" i="3"/>
  <c r="Q39" i="3"/>
  <c r="O39" i="3"/>
  <c r="N39" i="3"/>
  <c r="T38" i="3"/>
  <c r="V38" i="3" s="1"/>
  <c r="S38" i="3"/>
  <c r="R38" i="3"/>
  <c r="Q38" i="3"/>
  <c r="O38" i="3"/>
  <c r="N38" i="3"/>
  <c r="T37" i="3"/>
  <c r="V37" i="3" s="1"/>
  <c r="S37" i="3"/>
  <c r="R37" i="3"/>
  <c r="Q37" i="3"/>
  <c r="O37" i="3"/>
  <c r="N37" i="3"/>
  <c r="T36" i="3"/>
  <c r="V36" i="3" s="1"/>
  <c r="S36" i="3"/>
  <c r="R36" i="3"/>
  <c r="Q36" i="3"/>
  <c r="O36" i="3"/>
  <c r="N36" i="3"/>
  <c r="T35" i="3"/>
  <c r="V35" i="3" s="1"/>
  <c r="S35" i="3"/>
  <c r="R35" i="3"/>
  <c r="Q35" i="3"/>
  <c r="O35" i="3"/>
  <c r="N35" i="3"/>
  <c r="T34" i="3"/>
  <c r="V34" i="3" s="1"/>
  <c r="S34" i="3"/>
  <c r="R34" i="3"/>
  <c r="Q34" i="3"/>
  <c r="O34" i="3"/>
  <c r="N34" i="3"/>
  <c r="T33" i="3"/>
  <c r="V33" i="3" s="1"/>
  <c r="S33" i="3"/>
  <c r="R33" i="3"/>
  <c r="Q33" i="3"/>
  <c r="O33" i="3"/>
  <c r="N33" i="3"/>
  <c r="T32" i="3"/>
  <c r="V32" i="3" s="1"/>
  <c r="S32" i="3"/>
  <c r="R32" i="3"/>
  <c r="Q32" i="3"/>
  <c r="O32" i="3"/>
  <c r="N32" i="3"/>
  <c r="T31" i="3"/>
  <c r="V31" i="3" s="1"/>
  <c r="S31" i="3"/>
  <c r="R31" i="3"/>
  <c r="Q31" i="3"/>
  <c r="O31" i="3"/>
  <c r="N31" i="3"/>
  <c r="T30" i="3"/>
  <c r="V30" i="3" s="1"/>
  <c r="S30" i="3"/>
  <c r="R30" i="3"/>
  <c r="Q30" i="3"/>
  <c r="O30" i="3"/>
  <c r="N30" i="3"/>
  <c r="T29" i="3"/>
  <c r="V29" i="3" s="1"/>
  <c r="S29" i="3"/>
  <c r="R29" i="3"/>
  <c r="Q29" i="3"/>
  <c r="O29" i="3"/>
  <c r="N29" i="3"/>
  <c r="T28" i="3"/>
  <c r="V28" i="3" s="1"/>
  <c r="S28" i="3"/>
  <c r="R28" i="3"/>
  <c r="Q28" i="3"/>
  <c r="O28" i="3"/>
  <c r="N28" i="3"/>
  <c r="T27" i="3"/>
  <c r="V27" i="3" s="1"/>
  <c r="S27" i="3"/>
  <c r="R27" i="3"/>
  <c r="Q27" i="3"/>
  <c r="O27" i="3"/>
  <c r="N27" i="3"/>
  <c r="T26" i="3"/>
  <c r="V26" i="3" s="1"/>
  <c r="S26" i="3"/>
  <c r="R26" i="3"/>
  <c r="Q26" i="3"/>
  <c r="O26" i="3"/>
  <c r="N26" i="3"/>
  <c r="T25" i="3"/>
  <c r="V25" i="3" s="1"/>
  <c r="S25" i="3"/>
  <c r="R25" i="3"/>
  <c r="Q25" i="3"/>
  <c r="O25" i="3"/>
  <c r="N25" i="3"/>
  <c r="T24" i="3"/>
  <c r="V24" i="3" s="1"/>
  <c r="S24" i="3"/>
  <c r="R24" i="3"/>
  <c r="Q24" i="3"/>
  <c r="O24" i="3"/>
  <c r="N24" i="3"/>
  <c r="T23" i="3"/>
  <c r="V23" i="3" s="1"/>
  <c r="S23" i="3"/>
  <c r="R23" i="3"/>
  <c r="Q23" i="3"/>
  <c r="O23" i="3"/>
  <c r="N23" i="3"/>
  <c r="T22" i="3"/>
  <c r="V22" i="3" s="1"/>
  <c r="S22" i="3"/>
  <c r="R22" i="3"/>
  <c r="Q22" i="3"/>
  <c r="O22" i="3"/>
  <c r="N22" i="3"/>
  <c r="T21" i="3"/>
  <c r="V21" i="3" s="1"/>
  <c r="S21" i="3"/>
  <c r="R21" i="3"/>
  <c r="Q21" i="3"/>
  <c r="O21" i="3"/>
  <c r="N21" i="3"/>
  <c r="T20" i="3"/>
  <c r="V20" i="3" s="1"/>
  <c r="S20" i="3"/>
  <c r="R20" i="3"/>
  <c r="Q20" i="3"/>
  <c r="O20" i="3"/>
  <c r="N20" i="3"/>
  <c r="T19" i="3"/>
  <c r="V19" i="3" s="1"/>
  <c r="S19" i="3"/>
  <c r="R19" i="3"/>
  <c r="Q19" i="3"/>
  <c r="O19" i="3"/>
  <c r="N19" i="3"/>
  <c r="T18" i="3"/>
  <c r="V18" i="3" s="1"/>
  <c r="S18" i="3"/>
  <c r="R18" i="3"/>
  <c r="Q18" i="3"/>
  <c r="O18" i="3"/>
  <c r="N18" i="3"/>
  <c r="T17" i="3"/>
  <c r="V17" i="3" s="1"/>
  <c r="S17" i="3"/>
  <c r="R17" i="3"/>
  <c r="Q17" i="3"/>
  <c r="O17" i="3"/>
  <c r="N17" i="3"/>
  <c r="T16" i="3"/>
  <c r="V16" i="3" s="1"/>
  <c r="S16" i="3"/>
  <c r="R16" i="3"/>
  <c r="Q16" i="3"/>
  <c r="O16" i="3"/>
  <c r="N16" i="3"/>
  <c r="T15" i="3"/>
  <c r="V15" i="3" s="1"/>
  <c r="S15" i="3"/>
  <c r="R15" i="3"/>
  <c r="Q15" i="3"/>
  <c r="O15" i="3"/>
  <c r="N15" i="3"/>
  <c r="T14" i="3"/>
  <c r="V14" i="3" s="1"/>
  <c r="S14" i="3"/>
  <c r="R14" i="3"/>
  <c r="Q14" i="3"/>
  <c r="O14" i="3"/>
  <c r="N14" i="3"/>
  <c r="T13" i="3"/>
  <c r="V13" i="3" s="1"/>
  <c r="S13" i="3"/>
  <c r="R13" i="3"/>
  <c r="Q13" i="3"/>
  <c r="O13" i="3"/>
  <c r="N13" i="3"/>
  <c r="T12" i="3"/>
  <c r="V12" i="3" s="1"/>
  <c r="S12" i="3"/>
  <c r="R12" i="3"/>
  <c r="Q12" i="3"/>
  <c r="O12" i="3"/>
  <c r="N12" i="3"/>
  <c r="S11" i="3"/>
  <c r="R11" i="3"/>
  <c r="Q11" i="3"/>
  <c r="O11" i="3"/>
  <c r="N11" i="3"/>
  <c r="S10" i="3"/>
  <c r="R10" i="3"/>
  <c r="Q10" i="3"/>
  <c r="O10" i="3"/>
  <c r="N10" i="3"/>
  <c r="S8" i="3"/>
  <c r="AF8" i="3" s="1"/>
  <c r="AG8" i="3" s="1"/>
  <c r="R8" i="3"/>
  <c r="Q8" i="3"/>
  <c r="O8" i="3"/>
  <c r="N8" i="3"/>
  <c r="S7" i="3"/>
  <c r="AF7" i="3" s="1"/>
  <c r="AG7" i="3" s="1"/>
  <c r="R7" i="3"/>
  <c r="Q7" i="3"/>
  <c r="O7" i="3"/>
  <c r="N7" i="3"/>
  <c r="S6" i="3"/>
  <c r="AF6" i="3" s="1"/>
  <c r="AG6" i="3" s="1"/>
  <c r="R6" i="3"/>
  <c r="Q6" i="3"/>
  <c r="O6" i="3"/>
  <c r="N6" i="3"/>
  <c r="S5" i="3"/>
  <c r="R5" i="3"/>
  <c r="Q5" i="3"/>
  <c r="O5" i="3"/>
  <c r="T11" i="3" l="1"/>
  <c r="V11" i="3" s="1"/>
  <c r="T10" i="3"/>
  <c r="V10" i="3" s="1"/>
  <c r="T5" i="3"/>
  <c r="V5" i="3" s="1"/>
  <c r="AF5" i="3"/>
  <c r="T6" i="3"/>
  <c r="V6" i="3" s="1"/>
  <c r="T8" i="3"/>
  <c r="T7" i="3"/>
  <c r="G5" i="6" l="1"/>
  <c r="V7" i="3"/>
  <c r="G6" i="6"/>
  <c r="V8" i="3"/>
  <c r="G5" i="11"/>
  <c r="G8" i="11"/>
  <c r="G6" i="11"/>
  <c r="G7" i="11"/>
  <c r="K5" i="3"/>
  <c r="F18" i="2" l="1"/>
  <c r="K28" i="8" l="1"/>
  <c r="K27" i="8"/>
  <c r="K26" i="8"/>
  <c r="K25" i="8"/>
  <c r="K24" i="8"/>
  <c r="K7" i="3"/>
  <c r="F49" i="2"/>
  <c r="F48" i="2"/>
  <c r="F35" i="2"/>
  <c r="F34" i="2"/>
  <c r="F33" i="2"/>
  <c r="F32" i="2"/>
  <c r="F31" i="2"/>
  <c r="F30" i="2"/>
  <c r="F29" i="2"/>
  <c r="F28" i="2"/>
  <c r="F27" i="2"/>
  <c r="F26" i="2"/>
  <c r="F25" i="2"/>
  <c r="F24" i="2"/>
  <c r="F23" i="2"/>
  <c r="F22" i="2"/>
  <c r="F21" i="2"/>
  <c r="F20" i="2"/>
  <c r="F19" i="2"/>
  <c r="AG5" i="3" l="1"/>
</calcChain>
</file>

<file path=xl/sharedStrings.xml><?xml version="1.0" encoding="utf-8"?>
<sst xmlns="http://schemas.openxmlformats.org/spreadsheetml/2006/main" count="266" uniqueCount="157">
  <si>
    <t>ATIVIDADE</t>
  </si>
  <si>
    <t>DESCRIÇÃO</t>
  </si>
  <si>
    <t>PASSO 03 - IDENTIFICAÇÃO E AVALIAÇÃO DOS CONTROLES EXISTENTES</t>
  </si>
  <si>
    <t>NOTA</t>
  </si>
  <si>
    <t>RISCO DE CONTROLE</t>
  </si>
  <si>
    <t>MEDIANO</t>
  </si>
  <si>
    <t>IMPACTO</t>
  </si>
  <si>
    <t>PROBABILIDADE - FREQUÊNCIA OBSERVADA/ESPERADA</t>
  </si>
  <si>
    <t xml:space="preserve">IMPACTO - FATORES DE ANÁLISE </t>
  </si>
  <si>
    <t>EVENTO DE RISCO</t>
  </si>
  <si>
    <t>PROBABILIDADE</t>
  </si>
  <si>
    <t>RISCO INERENTE</t>
  </si>
  <si>
    <t>RISCO RESIDUAL</t>
  </si>
  <si>
    <t>AÇÃO 
SUGERIDA</t>
  </si>
  <si>
    <t>AVALIAÇÃO DOS CONTROLES</t>
  </si>
  <si>
    <t>CÁLCULO RISCO RESIDUAL</t>
  </si>
  <si>
    <t>DEFINIÇÃO DAS RESPOSTAS</t>
  </si>
  <si>
    <t>ESCALA DE PROBABILIDADE</t>
  </si>
  <si>
    <t>APETITE</t>
  </si>
  <si>
    <t>NÍVEL DE RISCO</t>
  </si>
  <si>
    <t>NÍVEL DE RISCO DE CONTROLE</t>
  </si>
  <si>
    <t>RISCO DO CONTROLE (RC)</t>
  </si>
  <si>
    <t>NÍVEL</t>
  </si>
  <si>
    <t>INEXISTENTE</t>
  </si>
  <si>
    <t>MUITO ALTO</t>
  </si>
  <si>
    <t>MUITO BAIXA</t>
  </si>
  <si>
    <t>MUITO BAIXO</t>
  </si>
  <si>
    <t>ACEITAR</t>
  </si>
  <si>
    <t>TRATAR</t>
  </si>
  <si>
    <t>FRACO</t>
  </si>
  <si>
    <t>ALTO</t>
  </si>
  <si>
    <t>BAIXA</t>
  </si>
  <si>
    <t>BAIXO</t>
  </si>
  <si>
    <t>MÉDIO</t>
  </si>
  <si>
    <t>MÉDIA</t>
  </si>
  <si>
    <t>SATISFATÓRIO</t>
  </si>
  <si>
    <t>ALTA</t>
  </si>
  <si>
    <t>FORTE</t>
  </si>
  <si>
    <t>MUITO ALTA</t>
  </si>
  <si>
    <t>ESCALA DE IMPACTO</t>
  </si>
  <si>
    <t>APLICAÇÃO</t>
  </si>
  <si>
    <t>RESPOSTA A RISCO</t>
  </si>
  <si>
    <t>LIMITE INFERIOR</t>
  </si>
  <si>
    <t>LÍMITE SUPERIOR</t>
  </si>
  <si>
    <t>EVITAR</t>
  </si>
  <si>
    <t>RISCO</t>
  </si>
  <si>
    <t>-</t>
  </si>
  <si>
    <t>MATRIZ DE RISCOS</t>
  </si>
  <si>
    <t>RISCO 
MÉDIO
( 10 )</t>
  </si>
  <si>
    <t>RISCO 
MÉDIO
( 20 )</t>
  </si>
  <si>
    <t>RISCO 
ALTO
( 50 )</t>
  </si>
  <si>
    <t>RISCO 
MUITO ALTO
( 80 )</t>
  </si>
  <si>
    <t>RISCO 
CRÍTICO
( 100 )</t>
  </si>
  <si>
    <t>RISCO 
BAIXO
( 8 )</t>
  </si>
  <si>
    <t>RISCO 
MÉDIO
( 16 )</t>
  </si>
  <si>
    <t>RISCO 
ALTO
( 40 )</t>
  </si>
  <si>
    <t>RISCO 
MUITO ALTO
( 60 )</t>
  </si>
  <si>
    <t>RISCO 
BAIXO
( 5 )</t>
  </si>
  <si>
    <t>RISCO 
MÉDIO
( 25 )</t>
  </si>
  <si>
    <t>RISCO 
MUITO BAIXO
( 2 )</t>
  </si>
  <si>
    <t>RISCO 
BAIXO
( 4 )</t>
  </si>
  <si>
    <t>RISCO 
MUITO BAIXO
( 1 )</t>
  </si>
  <si>
    <t>--</t>
  </si>
  <si>
    <t xml:space="preserve">COUNTA of </t>
  </si>
  <si>
    <t>Grand Total</t>
  </si>
  <si>
    <t>Controles mitigam todos os aspectos relevantes do risco, considerado no nível de 'melhor prática'.</t>
  </si>
  <si>
    <t>CAUSAS</t>
  </si>
  <si>
    <t>CONSEQUÊNCIAS</t>
  </si>
  <si>
    <t>CÁLCULO DO RISCO RESIDUAL</t>
  </si>
  <si>
    <t>ALOCAÇÃO</t>
  </si>
  <si>
    <t>SETOR PÚBLICO</t>
  </si>
  <si>
    <t>SETOR PRIVADO</t>
  </si>
  <si>
    <t>COMPARTILHADO</t>
  </si>
  <si>
    <t>Missão</t>
  </si>
  <si>
    <t>Visão</t>
  </si>
  <si>
    <t>Setor</t>
  </si>
  <si>
    <t>Processo mapeado?</t>
  </si>
  <si>
    <t>Objetivo do processo</t>
  </si>
  <si>
    <t>Gestor de riscos</t>
  </si>
  <si>
    <t>Processo</t>
  </si>
  <si>
    <t>Órgão/entidade</t>
  </si>
  <si>
    <t>Atividades do processo</t>
  </si>
  <si>
    <t>Análise SWOT do processo</t>
  </si>
  <si>
    <t>Fraquezas</t>
  </si>
  <si>
    <t>Forças</t>
  </si>
  <si>
    <t>Oportunidades</t>
  </si>
  <si>
    <t>Ameaças</t>
  </si>
  <si>
    <t>RESPOSTA AO RISCO</t>
  </si>
  <si>
    <t>CONTROLE PROPOSTO</t>
  </si>
  <si>
    <t>SETOR RESPONSÁVEL</t>
  </si>
  <si>
    <t>NOME/CARGO RESPONSÁVEL</t>
  </si>
  <si>
    <t>INÍCIO</t>
  </si>
  <si>
    <t>TÉRMINO</t>
  </si>
  <si>
    <t>IDENTIFICAÇÃO DOS RISCOS</t>
  </si>
  <si>
    <t>IDENTIFICAÇÃO E AVALIAÇÃO DOS CONTROLES</t>
  </si>
  <si>
    <t>DESCRIÇÃO DO CONTROLE EXISTENTE</t>
  </si>
  <si>
    <t>AVALIAÇÃO DO CONTROLE</t>
  </si>
  <si>
    <t>MONITORAMENTO</t>
  </si>
  <si>
    <t>Suspender a atividade devido ao custo desproporcional a empregar, à limitação de recurso, entre outros.</t>
  </si>
  <si>
    <t>Transferir ou compartilhar uma parte do risco (seguro e terceirização).</t>
  </si>
  <si>
    <t>Conviver com o risco mantendo os procedimentos existentes.</t>
  </si>
  <si>
    <t>Adotar medidas para reduzir a probabilidade ou o impacto dos riscos, ou ambos.</t>
  </si>
  <si>
    <t>TRANSFERIR/COMPARTILHAR</t>
  </si>
  <si>
    <t>REDUZIR</t>
  </si>
  <si>
    <t>CAUSA</t>
  </si>
  <si>
    <t>CRÍTICO</t>
  </si>
  <si>
    <t>Apetite a Risco</t>
  </si>
  <si>
    <t>PLANO DE TRATAMENTO</t>
  </si>
  <si>
    <t>NÍVELDE RISCO</t>
  </si>
  <si>
    <t>MEDIDAS DE TRATAMENTO</t>
  </si>
  <si>
    <t>AMBIENTE</t>
  </si>
  <si>
    <t>SITUAÇÃO</t>
  </si>
  <si>
    <t>RELATO</t>
  </si>
  <si>
    <t>EVIDÊNCIA</t>
  </si>
  <si>
    <t>nº</t>
  </si>
  <si>
    <t>MAPA DE RISCOS DO PROCESSO:</t>
  </si>
  <si>
    <t>MATRIZ DE RISCOS (art. 6º, XXVII, Lei 14.133/21)</t>
  </si>
  <si>
    <t>NOME/CARGO DO RESPONSÁVEL</t>
  </si>
  <si>
    <t>Situação</t>
  </si>
  <si>
    <t>A iniciar</t>
  </si>
  <si>
    <t>Atrasado</t>
  </si>
  <si>
    <t>Concluído</t>
  </si>
  <si>
    <t>Descontinuado</t>
  </si>
  <si>
    <t>Em andamento</t>
  </si>
  <si>
    <t>COMO PREENCHER</t>
  </si>
  <si>
    <t>DATA DE ELABORAÇÃO</t>
  </si>
  <si>
    <r>
      <t xml:space="preserve">As abas </t>
    </r>
    <r>
      <rPr>
        <b/>
        <sz val="10"/>
        <color rgb="FF000000"/>
        <rFont val="Arial"/>
        <family val="2"/>
      </rPr>
      <t>"3. Mapa"</t>
    </r>
    <r>
      <rPr>
        <sz val="10"/>
        <color rgb="FF000000"/>
        <rFont val="Arial"/>
        <family val="2"/>
      </rPr>
      <t xml:space="preserve"> e </t>
    </r>
    <r>
      <rPr>
        <b/>
        <sz val="10"/>
        <color rgb="FF000000"/>
        <rFont val="Arial"/>
        <family val="2"/>
      </rPr>
      <t>"4. Matriz"</t>
    </r>
    <r>
      <rPr>
        <sz val="10"/>
        <color rgb="FF000000"/>
        <rFont val="Arial"/>
        <family val="2"/>
      </rPr>
      <t xml:space="preserve"> são quase totalmente de preenchimento automático, sendo necessário apenas selecionar os eventos de riscos que deseja mostrar</t>
    </r>
  </si>
  <si>
    <r>
      <t xml:space="preserve">Cuidado para não apagar a </t>
    </r>
    <r>
      <rPr>
        <b/>
        <sz val="10"/>
        <color rgb="FF000000"/>
        <rFont val="Arial"/>
        <family val="2"/>
      </rPr>
      <t>fórmula</t>
    </r>
    <r>
      <rPr>
        <sz val="10"/>
        <color rgb="FF000000"/>
        <rFont val="Arial"/>
        <family val="2"/>
      </rPr>
      <t xml:space="preserve"> de determinadas células. Se fizer isso, desfaça a operação (Ctrl + Z)</t>
    </r>
  </si>
  <si>
    <r>
      <t xml:space="preserve">Responda apenas as células de </t>
    </r>
    <r>
      <rPr>
        <b/>
        <sz val="10"/>
        <color rgb="FF000000"/>
        <rFont val="Arial"/>
        <family val="2"/>
      </rPr>
      <t>fundo branco</t>
    </r>
    <r>
      <rPr>
        <sz val="10"/>
        <color rgb="FF000000"/>
        <rFont val="Arial"/>
        <family val="2"/>
      </rPr>
      <t>, pois as de fundo cinza são de preenchimento automático</t>
    </r>
  </si>
  <si>
    <r>
      <t xml:space="preserve">Não </t>
    </r>
    <r>
      <rPr>
        <b/>
        <sz val="10"/>
        <color rgb="FF000000"/>
        <rFont val="Arial"/>
        <family val="2"/>
      </rPr>
      <t>mescle</t>
    </r>
    <r>
      <rPr>
        <sz val="10"/>
        <color rgb="FF000000"/>
        <rFont val="Arial"/>
        <family val="2"/>
      </rPr>
      <t xml:space="preserve"> células</t>
    </r>
  </si>
  <si>
    <r>
      <t xml:space="preserve">Após o preenchimento, sugere-se </t>
    </r>
    <r>
      <rPr>
        <b/>
        <sz val="10"/>
        <color rgb="FF000000"/>
        <rFont val="Arial"/>
        <family val="2"/>
      </rPr>
      <t>ocultar</t>
    </r>
    <r>
      <rPr>
        <sz val="10"/>
        <color rgb="FF000000"/>
        <rFont val="Arial"/>
        <family val="2"/>
      </rPr>
      <t xml:space="preserve"> as linhas sem texto</t>
    </r>
  </si>
  <si>
    <t>2.1. Avaliação dos controles</t>
  </si>
  <si>
    <t>2.2. Cálculo do Risco Residual</t>
  </si>
  <si>
    <t>2.3. Definição das Respostas</t>
  </si>
  <si>
    <r>
      <t xml:space="preserve">NÍVEL DE CONFIANÇA
</t>
    </r>
    <r>
      <rPr>
        <sz val="10"/>
        <color rgb="FF666666"/>
        <rFont val="Arial"/>
        <family val="2"/>
      </rPr>
      <t>(Capacidade presumida de 
mitigação do Risco)</t>
    </r>
  </si>
  <si>
    <t>5.1. Situação</t>
  </si>
  <si>
    <t>Aceita apenas risco muito baixo.</t>
  </si>
  <si>
    <t>Aceita risco baixo e muito baixo.</t>
  </si>
  <si>
    <t>Aceita risco médio, baixo e muito baixo.</t>
  </si>
  <si>
    <t>Aceita risco alto, médio, baixo e muito baixo.</t>
  </si>
  <si>
    <t>Aceita risco muito alto, alto, médio, baixo e muito baixo.</t>
  </si>
  <si>
    <t>Aceita risco crítico, muito alto, alto, médio, baixo e muito baixo.</t>
  </si>
  <si>
    <t xml:space="preserve">Nº EVENTO </t>
  </si>
  <si>
    <t>Até 20% dos casos. Raro, pois o histórico e as circunstâncias não indicam essa possibilidade.</t>
  </si>
  <si>
    <t>Entre 20% e 40% dos casos. Improvável, pois o histórico e as circunstâncias pouco indicam essa possibilidade.</t>
  </si>
  <si>
    <t>Entre 40% e 60% dos casos. Possível, pois o histórico e as circunstâncias indicam moderadamente essa possibilidade.</t>
  </si>
  <si>
    <t>Entre 60% e 80% dos casos. Provável, pois o histórico e as circunstâncias indicam fortemente essa possibilidade.</t>
  </si>
  <si>
    <t>Mais de 80% dos casos. Esperado, pois o histórico e as circunstâncias indicam claramente essa possibilidade.</t>
  </si>
  <si>
    <t xml:space="preserve">● O problema pode ser corrigido com facilidade e mínimo esforço, sem impacto relevante no processo.
● Não há atraso significativo nem prejuízo à imagem do órgão.
● A satisfação do cidadão permanece inalterada.
</t>
  </si>
  <si>
    <t xml:space="preserve">● A correção exige algum esforço, mas é viável e rápida.
● O processo pode sofrer um pequeno atraso, sem comprometer prazos essenciais.
● A imagem do órgão pode ter questionamentos pontuais, mas sem grande repercussão.
● A satisfação do cidadão pode ser levemente afetada, sem gerar insatisfação expressiva.
</t>
  </si>
  <si>
    <t xml:space="preserve">● A solução do problema demanda esforço moderado e pode exigir ajustes adicionais.
● O atraso no processo é perceptível e impacta parcialmente a execução.
● A imagem do órgão sofre um desgaste considerável, gerando desconfiança entre partes interessadas e podendo atrair críticas internas e externas.
● A satisfação do cidadão é comprometida, com possibilidade de reclamações e contestações.
</t>
  </si>
  <si>
    <t xml:space="preserve">● A correção exige grande esforço e pode ser parcial.
● O atraso no processo é elevado, afetando prazos essenciais e gerando retrabalho.
● A imagem do órgão sofre danos graves, resultando em perda de credibilidade perante órgãos fiscalizadores, setores governamentais e a opinião pública.
● A satisfação do cidadão é fortemente prejudicada, com risco de insatisfação generalizada.
</t>
  </si>
  <si>
    <t xml:space="preserve">● A correção é extremamente complexa ou impossível.
● O processo sofre paralisação ou atrasos críticos, inviabilizando entregas.
● A imagem do órgão é severamente comprometida, com ampla repercussão negativa, risco de investigações, sanções e forte desgaste institucional.
● A satisfação do cidadão é drasticamente afetada, podendo resultar em mobilização social, ações judiciais ou perda significativa de confiança na instituição.
</t>
  </si>
  <si>
    <t>Controle não existe, não funciona ou não é utilizado.</t>
  </si>
  <si>
    <t>Controle baseado apenas na experiência do operador do processo.</t>
  </si>
  <si>
    <t>Controle não mitiga o risco satisfatoriamente, por contemplar apenas alguns aspectos do risco.</t>
  </si>
  <si>
    <t>Controle mitiga o risco satisfatoriamente, mas é passível de aperfeiçoamento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dd&quot;/&quot;mm&quot;/&quot;yyyy"/>
    <numFmt numFmtId="165" formatCode="000"/>
    <numFmt numFmtId="166" formatCode="0.0"/>
  </numFmts>
  <fonts count="31">
    <font>
      <sz val="10"/>
      <color rgb="FF000000"/>
      <name val="Arial"/>
    </font>
    <font>
      <sz val="10"/>
      <name val="Arial"/>
      <family val="2"/>
    </font>
    <font>
      <b/>
      <sz val="10"/>
      <name val="Arial"/>
      <family val="2"/>
    </font>
    <font>
      <b/>
      <sz val="10"/>
      <color theme="0"/>
      <name val="Arial"/>
      <family val="2"/>
    </font>
    <font>
      <b/>
      <sz val="10"/>
      <color theme="0"/>
      <name val="Roboto Condensed"/>
    </font>
    <font>
      <sz val="10"/>
      <color theme="0"/>
      <name val="Arial"/>
      <family val="2"/>
    </font>
    <font>
      <b/>
      <i/>
      <sz val="10"/>
      <color theme="0"/>
      <name val="Arial"/>
      <family val="2"/>
    </font>
    <font>
      <sz val="10"/>
      <name val="Roboto Condensed"/>
    </font>
    <font>
      <sz val="10"/>
      <color rgb="FF000000"/>
      <name val="Arial"/>
      <family val="2"/>
    </font>
    <font>
      <b/>
      <sz val="10"/>
      <color rgb="FF000000"/>
      <name val="Arial"/>
      <family val="2"/>
    </font>
    <font>
      <b/>
      <sz val="10"/>
      <color rgb="FFFFFFFF"/>
      <name val="Arial"/>
      <family val="2"/>
    </font>
    <font>
      <sz val="10"/>
      <color rgb="FFB7B7B7"/>
      <name val="Arial"/>
      <family val="2"/>
    </font>
    <font>
      <sz val="10"/>
      <color rgb="FF666666"/>
      <name val="Arial"/>
      <family val="2"/>
    </font>
    <font>
      <sz val="10"/>
      <color rgb="FFFFFF66"/>
      <name val="Arial"/>
      <family val="2"/>
    </font>
    <font>
      <b/>
      <sz val="10"/>
      <color rgb="FF666666"/>
      <name val="Arial"/>
      <family val="2"/>
    </font>
    <font>
      <sz val="10"/>
      <color rgb="FF434343"/>
      <name val="Arial"/>
      <family val="2"/>
    </font>
    <font>
      <sz val="10"/>
      <color rgb="FFFFFFFF"/>
      <name val="Arial"/>
      <family val="2"/>
    </font>
    <font>
      <sz val="10"/>
      <color rgb="FF72E1FF"/>
      <name val="Arial"/>
      <family val="2"/>
    </font>
    <font>
      <sz val="10"/>
      <color rgb="FF8CDC64"/>
      <name val="Arial"/>
      <family val="2"/>
    </font>
    <font>
      <sz val="10"/>
      <color rgb="FFFFD700"/>
      <name val="Arial"/>
      <family val="2"/>
    </font>
    <font>
      <sz val="10"/>
      <color rgb="FFFF9900"/>
      <name val="Arial"/>
      <family val="2"/>
    </font>
    <font>
      <sz val="10"/>
      <color rgb="FFFF4000"/>
      <name val="Arial"/>
      <family val="2"/>
    </font>
    <font>
      <i/>
      <sz val="10"/>
      <color rgb="FF5B0F00"/>
      <name val="Arial"/>
      <family val="2"/>
    </font>
    <font>
      <i/>
      <sz val="10"/>
      <color rgb="FF000000"/>
      <name val="Arial"/>
      <family val="2"/>
    </font>
    <font>
      <i/>
      <sz val="10"/>
      <color rgb="FF434343"/>
      <name val="Arial"/>
      <family val="2"/>
    </font>
    <font>
      <i/>
      <sz val="10"/>
      <color rgb="FFFFFF00"/>
      <name val="Arial"/>
      <family val="2"/>
    </font>
    <font>
      <i/>
      <sz val="10"/>
      <color rgb="FF7F6000"/>
      <name val="Arial"/>
      <family val="2"/>
    </font>
    <font>
      <i/>
      <sz val="10"/>
      <color rgb="FF783F04"/>
      <name val="Arial"/>
      <family val="2"/>
    </font>
    <font>
      <i/>
      <sz val="10"/>
      <color rgb="FF274E13"/>
      <name val="Arial"/>
      <family val="2"/>
    </font>
    <font>
      <i/>
      <sz val="10"/>
      <color rgb="FF0B5394"/>
      <name val="Arial"/>
      <family val="2"/>
    </font>
    <font>
      <sz val="10"/>
      <color rgb="FFFF0000"/>
      <name val="Arial"/>
      <family val="2"/>
    </font>
  </fonts>
  <fills count="30">
    <fill>
      <patternFill patternType="none"/>
    </fill>
    <fill>
      <patternFill patternType="gray125"/>
    </fill>
    <fill>
      <patternFill patternType="solid">
        <fgColor rgb="FFF3F3F3"/>
        <bgColor rgb="FFF3F3F3"/>
      </patternFill>
    </fill>
    <fill>
      <patternFill patternType="solid">
        <fgColor rgb="FF8CDC64"/>
        <bgColor rgb="FF8CDC64"/>
      </patternFill>
    </fill>
    <fill>
      <patternFill patternType="solid">
        <fgColor rgb="FFEFEFEF"/>
        <bgColor rgb="FFEFEFEF"/>
      </patternFill>
    </fill>
    <fill>
      <patternFill patternType="solid">
        <fgColor rgb="FFFFFFFF"/>
        <bgColor rgb="FFFFFFFF"/>
      </patternFill>
    </fill>
    <fill>
      <patternFill patternType="solid">
        <fgColor rgb="FF31859C"/>
        <bgColor rgb="FF31859C"/>
      </patternFill>
    </fill>
    <fill>
      <patternFill patternType="solid">
        <fgColor rgb="FF72E1FF"/>
        <bgColor rgb="FF72E1FF"/>
      </patternFill>
    </fill>
    <fill>
      <patternFill patternType="solid">
        <fgColor rgb="FFFF3300"/>
        <bgColor rgb="FFFF3300"/>
      </patternFill>
    </fill>
    <fill>
      <patternFill patternType="solid">
        <fgColor rgb="FFCEFFB6"/>
        <bgColor rgb="FFCEFFB6"/>
      </patternFill>
    </fill>
    <fill>
      <patternFill patternType="solid">
        <fgColor rgb="FFD9D9D9"/>
        <bgColor rgb="FFD9D9D9"/>
      </patternFill>
    </fill>
    <fill>
      <patternFill patternType="solid">
        <fgColor rgb="FF489522"/>
        <bgColor rgb="FF489522"/>
      </patternFill>
    </fill>
    <fill>
      <patternFill patternType="solid">
        <fgColor rgb="FFFFD700"/>
        <bgColor rgb="FFFFD700"/>
      </patternFill>
    </fill>
    <fill>
      <patternFill patternType="solid">
        <fgColor rgb="FFFF9900"/>
        <bgColor rgb="FFFF9900"/>
      </patternFill>
    </fill>
    <fill>
      <patternFill patternType="solid">
        <fgColor rgb="FFEA4335"/>
        <bgColor rgb="FFEA4335"/>
      </patternFill>
    </fill>
    <fill>
      <patternFill patternType="solid">
        <fgColor rgb="FFCA0000"/>
        <bgColor rgb="FFCA0000"/>
      </patternFill>
    </fill>
    <fill>
      <patternFill patternType="solid">
        <fgColor rgb="FFFEC063"/>
        <bgColor rgb="FFFEC063"/>
      </patternFill>
    </fill>
    <fill>
      <patternFill patternType="solid">
        <fgColor rgb="FFFFFF66"/>
        <bgColor rgb="FFFFFF66"/>
      </patternFill>
    </fill>
    <fill>
      <patternFill patternType="solid">
        <fgColor rgb="FF545C94"/>
        <bgColor rgb="FF31859C"/>
      </patternFill>
    </fill>
    <fill>
      <patternFill patternType="solid">
        <fgColor rgb="FF545C94"/>
        <bgColor indexed="64"/>
      </patternFill>
    </fill>
    <fill>
      <patternFill patternType="solid">
        <fgColor rgb="FF545C94"/>
        <bgColor rgb="FF003434"/>
      </patternFill>
    </fill>
    <fill>
      <patternFill patternType="solid">
        <fgColor rgb="FF545C94"/>
        <bgColor rgb="FF215968"/>
      </patternFill>
    </fill>
    <fill>
      <patternFill patternType="solid">
        <fgColor rgb="FFFFF7CC"/>
        <bgColor rgb="FF84CF5E"/>
      </patternFill>
    </fill>
    <fill>
      <patternFill patternType="solid">
        <fgColor rgb="FFFFF7CC"/>
        <bgColor rgb="FFFF3300"/>
      </patternFill>
    </fill>
    <fill>
      <patternFill patternType="solid">
        <fgColor rgb="FF8484B4"/>
        <bgColor rgb="FF72E1FF"/>
      </patternFill>
    </fill>
    <fill>
      <patternFill patternType="solid">
        <fgColor rgb="FF8484B4"/>
        <bgColor rgb="FFF1C232"/>
      </patternFill>
    </fill>
    <fill>
      <patternFill patternType="solid">
        <fgColor rgb="FFFFF7CC"/>
        <bgColor rgb="FF215968"/>
      </patternFill>
    </fill>
    <fill>
      <patternFill patternType="solid">
        <fgColor rgb="FFD9D9D9"/>
        <bgColor indexed="64"/>
      </patternFill>
    </fill>
    <fill>
      <patternFill patternType="solid">
        <fgColor rgb="FFD9D9D9"/>
        <bgColor rgb="FFEFEFEF"/>
      </patternFill>
    </fill>
    <fill>
      <patternFill patternType="solid">
        <fgColor rgb="FFD9D9D9"/>
        <bgColor rgb="FFFFFFFF"/>
      </patternFill>
    </fill>
  </fills>
  <borders count="125">
    <border>
      <left/>
      <right/>
      <top/>
      <bottom/>
      <diagonal/>
    </border>
    <border>
      <left/>
      <right/>
      <top style="thin">
        <color rgb="FF999999"/>
      </top>
      <bottom/>
      <diagonal/>
    </border>
    <border>
      <left/>
      <right/>
      <top/>
      <bottom style="thin">
        <color rgb="FF999999"/>
      </bottom>
      <diagonal/>
    </border>
    <border>
      <left/>
      <right style="thin">
        <color rgb="FFB7B7B7"/>
      </right>
      <top style="thin">
        <color rgb="FFB7B7B7"/>
      </top>
      <bottom style="thin">
        <color rgb="FFB7B7B7"/>
      </bottom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 style="thin">
        <color rgb="FF000000"/>
      </top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 style="thin">
        <color rgb="FFFFFFFF"/>
      </left>
      <right/>
      <top style="thin">
        <color rgb="FF000000"/>
      </top>
      <bottom/>
      <diagonal/>
    </border>
    <border>
      <left style="thin">
        <color rgb="FFFFFFFF"/>
      </left>
      <right style="thin">
        <color rgb="FFF3F3F3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/>
      <top style="thin">
        <color rgb="FF666666"/>
      </top>
      <bottom style="medium">
        <color rgb="FF000000"/>
      </bottom>
      <diagonal/>
    </border>
    <border>
      <left style="thin">
        <color rgb="FF666666"/>
      </left>
      <right style="thin">
        <color rgb="FF999999"/>
      </right>
      <top style="thin">
        <color rgb="FF666666"/>
      </top>
      <bottom style="medium">
        <color rgb="FF000000"/>
      </bottom>
      <diagonal/>
    </border>
    <border>
      <left/>
      <right/>
      <top style="thin">
        <color rgb="FF666666"/>
      </top>
      <bottom style="medium">
        <color rgb="FF000000"/>
      </bottom>
      <diagonal/>
    </border>
    <border>
      <left style="thin">
        <color rgb="FF999999"/>
      </left>
      <right style="medium">
        <color rgb="FF000000"/>
      </right>
      <top style="thin">
        <color rgb="FF666666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3434"/>
      </bottom>
      <diagonal/>
    </border>
    <border>
      <left style="medium">
        <color rgb="FFFFFFFF"/>
      </left>
      <right style="medium">
        <color rgb="FF000000"/>
      </right>
      <top/>
      <bottom style="medium">
        <color rgb="FF003434"/>
      </bottom>
      <diagonal/>
    </border>
    <border>
      <left style="medium">
        <color rgb="FFFFFFFF"/>
      </left>
      <right style="medium">
        <color rgb="FF003434"/>
      </right>
      <top/>
      <bottom style="medium">
        <color rgb="FF003434"/>
      </bottom>
      <diagonal/>
    </border>
    <border>
      <left style="medium">
        <color rgb="FF000000"/>
      </left>
      <right style="thin">
        <color rgb="FF434343"/>
      </right>
      <top/>
      <bottom style="thin">
        <color rgb="FF434343"/>
      </bottom>
      <diagonal/>
    </border>
    <border>
      <left/>
      <right style="thin">
        <color rgb="FFD9D9D9"/>
      </right>
      <top/>
      <bottom style="thin">
        <color rgb="FFD9D9D9"/>
      </bottom>
      <diagonal/>
    </border>
    <border>
      <left style="thin">
        <color rgb="FFD9D9D9"/>
      </left>
      <right style="thin">
        <color rgb="FFD9D9D9"/>
      </right>
      <top/>
      <bottom style="thin">
        <color rgb="FFD9D9D9"/>
      </bottom>
      <diagonal/>
    </border>
    <border>
      <left style="thin">
        <color rgb="FFD9D9D9"/>
      </left>
      <right style="medium">
        <color rgb="FF000000"/>
      </right>
      <top/>
      <bottom style="thin">
        <color rgb="FFD9D9D9"/>
      </bottom>
      <diagonal/>
    </border>
    <border>
      <left style="medium">
        <color rgb="FF000000"/>
      </left>
      <right style="medium">
        <color rgb="FFFFFFFF"/>
      </right>
      <top style="medium">
        <color rgb="FF000000"/>
      </top>
      <bottom style="medium">
        <color rgb="FFFFFFFF"/>
      </bottom>
      <diagonal/>
    </border>
    <border>
      <left style="medium">
        <color rgb="FFFFFFFF"/>
      </left>
      <right/>
      <top style="medium">
        <color rgb="FF000000"/>
      </top>
      <bottom style="medium">
        <color rgb="FFFFFFFF"/>
      </bottom>
      <diagonal/>
    </border>
    <border>
      <left/>
      <right style="medium">
        <color rgb="FFFFFFFF"/>
      </right>
      <top style="medium">
        <color rgb="FF000000"/>
      </top>
      <bottom style="medium">
        <color rgb="FFFFFFFF"/>
      </bottom>
      <diagonal/>
    </border>
    <border>
      <left/>
      <right/>
      <top style="medium">
        <color rgb="FF000000"/>
      </top>
      <bottom style="medium">
        <color rgb="FFFFFFFF"/>
      </bottom>
      <diagonal/>
    </border>
    <border>
      <left/>
      <right style="medium">
        <color rgb="FF000000"/>
      </right>
      <top style="medium">
        <color rgb="FF000000"/>
      </top>
      <bottom style="medium">
        <color rgb="FFFFFFFF"/>
      </bottom>
      <diagonal/>
    </border>
    <border>
      <left style="medium">
        <color rgb="FF000000"/>
      </left>
      <right/>
      <top/>
      <bottom style="medium">
        <color rgb="FFFFFFFF"/>
      </bottom>
      <diagonal/>
    </border>
    <border>
      <left style="medium">
        <color rgb="FF003434"/>
      </left>
      <right style="medium">
        <color rgb="FF000000"/>
      </right>
      <top style="medium">
        <color rgb="FF003434"/>
      </top>
      <bottom style="medium">
        <color rgb="FFD9D9D9"/>
      </bottom>
      <diagonal/>
    </border>
    <border>
      <left/>
      <right style="medium">
        <color rgb="FFFFFFFF"/>
      </right>
      <top style="medium">
        <color rgb="FF003434"/>
      </top>
      <bottom/>
      <diagonal/>
    </border>
    <border>
      <left style="medium">
        <color rgb="FFFFFFFF"/>
      </left>
      <right style="medium">
        <color rgb="FFFFFFFF"/>
      </right>
      <top style="medium">
        <color rgb="FF003434"/>
      </top>
      <bottom style="medium">
        <color rgb="FFFFFFFF"/>
      </bottom>
      <diagonal/>
    </border>
    <border>
      <left style="medium">
        <color rgb="FFFFFFFF"/>
      </left>
      <right style="medium">
        <color rgb="FF003434"/>
      </right>
      <top style="medium">
        <color rgb="FF003434"/>
      </top>
      <bottom style="medium">
        <color rgb="FFFFFFFF"/>
      </bottom>
      <diagonal/>
    </border>
    <border>
      <left style="thin">
        <color rgb="FFD9D9D9"/>
      </left>
      <right style="medium">
        <color rgb="FF000000"/>
      </right>
      <top style="thin">
        <color rgb="FFD9D9D9"/>
      </top>
      <bottom style="thin">
        <color rgb="FFD9D9D9"/>
      </bottom>
      <diagonal/>
    </border>
    <border>
      <left style="medium">
        <color rgb="FF000000"/>
      </left>
      <right style="thin">
        <color rgb="FF434343"/>
      </right>
      <top style="thin">
        <color rgb="FF434343"/>
      </top>
      <bottom style="thin">
        <color rgb="FF434343"/>
      </bottom>
      <diagonal/>
    </border>
    <border>
      <left/>
      <right style="thin">
        <color rgb="FFD9D9D9"/>
      </right>
      <top style="thin">
        <color rgb="FFD9D9D9"/>
      </top>
      <bottom style="thin">
        <color rgb="FFD9D9D9"/>
      </bottom>
      <diagonal/>
    </border>
    <border>
      <left style="thin">
        <color rgb="FFD9D9D9"/>
      </left>
      <right style="thin">
        <color rgb="FFD9D9D9"/>
      </right>
      <top style="thin">
        <color rgb="FFD9D9D9"/>
      </top>
      <bottom style="thin">
        <color rgb="FFD9D9D9"/>
      </bottom>
      <diagonal/>
    </border>
    <border>
      <left style="medium">
        <color rgb="FF000000"/>
      </left>
      <right style="medium">
        <color rgb="FFFFFFFF"/>
      </right>
      <top style="medium">
        <color rgb="FFFFFFFF"/>
      </top>
      <bottom style="medium">
        <color rgb="FFFFFFFF"/>
      </bottom>
      <diagonal/>
    </border>
    <border>
      <left style="medium">
        <color rgb="FFFFFFFF"/>
      </left>
      <right/>
      <top style="medium">
        <color rgb="FFFFFFFF"/>
      </top>
      <bottom style="medium">
        <color rgb="FFFFFFFF"/>
      </bottom>
      <diagonal/>
    </border>
    <border>
      <left/>
      <right style="medium">
        <color rgb="FFFFFFFF"/>
      </right>
      <top style="medium">
        <color rgb="FFFFFFFF"/>
      </top>
      <bottom style="medium">
        <color rgb="FFFFFFFF"/>
      </bottom>
      <diagonal/>
    </border>
    <border>
      <left/>
      <right/>
      <top style="medium">
        <color rgb="FFFFFFFF"/>
      </top>
      <bottom style="medium">
        <color rgb="FFFFFFFF"/>
      </bottom>
      <diagonal/>
    </border>
    <border>
      <left/>
      <right style="medium">
        <color rgb="FF000000"/>
      </right>
      <top style="medium">
        <color rgb="FFFFFFFF"/>
      </top>
      <bottom style="medium">
        <color rgb="FFFFFFFF"/>
      </bottom>
      <diagonal/>
    </border>
    <border>
      <left style="medium">
        <color rgb="FF000000"/>
      </left>
      <right/>
      <top style="medium">
        <color rgb="FFFFFFFF"/>
      </top>
      <bottom style="medium">
        <color rgb="FFFFFFFF"/>
      </bottom>
      <diagonal/>
    </border>
    <border>
      <left style="medium">
        <color rgb="FF003434"/>
      </left>
      <right style="medium">
        <color rgb="FFD9D9D9"/>
      </right>
      <top style="medium">
        <color rgb="FFD9D9D9"/>
      </top>
      <bottom style="medium">
        <color rgb="FFD9D9D9"/>
      </bottom>
      <diagonal/>
    </border>
    <border>
      <left style="medium">
        <color rgb="FFD9D9D9"/>
      </left>
      <right style="medium">
        <color rgb="FF000000"/>
      </right>
      <top style="medium">
        <color rgb="FF000000"/>
      </top>
      <bottom style="medium">
        <color rgb="FFD9D9D9"/>
      </bottom>
      <diagonal/>
    </border>
    <border>
      <left style="medium">
        <color rgb="FFFFFFFF"/>
      </left>
      <right style="medium">
        <color rgb="FFFFFFFF"/>
      </right>
      <top style="medium">
        <color rgb="FFFFFFFF"/>
      </top>
      <bottom style="medium">
        <color rgb="FFFFFFFF"/>
      </bottom>
      <diagonal/>
    </border>
    <border>
      <left style="medium">
        <color rgb="FFFFFFFF"/>
      </left>
      <right style="medium">
        <color rgb="FF003434"/>
      </right>
      <top style="medium">
        <color rgb="FFFFFFFF"/>
      </top>
      <bottom style="medium">
        <color rgb="FFFFFFFF"/>
      </bottom>
      <diagonal/>
    </border>
    <border>
      <left style="medium">
        <color rgb="FFD9D9D9"/>
      </left>
      <right style="medium">
        <color rgb="FFD9D9D9"/>
      </right>
      <top style="medium">
        <color rgb="FFD9D9D9"/>
      </top>
      <bottom style="medium">
        <color rgb="FFD9D9D9"/>
      </bottom>
      <diagonal/>
    </border>
    <border>
      <left style="medium">
        <color rgb="FF000000"/>
      </left>
      <right style="thin">
        <color rgb="FF434343"/>
      </right>
      <top style="thin">
        <color rgb="FF434343"/>
      </top>
      <bottom style="medium">
        <color rgb="FF000000"/>
      </bottom>
      <diagonal/>
    </border>
    <border>
      <left/>
      <right style="thin">
        <color rgb="FFD9D9D9"/>
      </right>
      <top style="thin">
        <color rgb="FFD9D9D9"/>
      </top>
      <bottom style="medium">
        <color rgb="FF000000"/>
      </bottom>
      <diagonal/>
    </border>
    <border>
      <left style="thin">
        <color rgb="FFD9D9D9"/>
      </left>
      <right style="thin">
        <color rgb="FFD9D9D9"/>
      </right>
      <top style="thin">
        <color rgb="FFD9D9D9"/>
      </top>
      <bottom style="medium">
        <color rgb="FF000000"/>
      </bottom>
      <diagonal/>
    </border>
    <border>
      <left style="thin">
        <color rgb="FFD9D9D9"/>
      </left>
      <right style="medium">
        <color rgb="FF000000"/>
      </right>
      <top style="thin">
        <color rgb="FFD9D9D9"/>
      </top>
      <bottom style="medium">
        <color rgb="FF000000"/>
      </bottom>
      <diagonal/>
    </border>
    <border>
      <left style="medium">
        <color rgb="FF000000"/>
      </left>
      <right style="medium">
        <color rgb="FFFFFFFF"/>
      </right>
      <top style="medium">
        <color rgb="FFFFFFFF"/>
      </top>
      <bottom style="medium">
        <color rgb="FF000000"/>
      </bottom>
      <diagonal/>
    </border>
    <border>
      <left style="medium">
        <color rgb="FFFFFFFF"/>
      </left>
      <right/>
      <top style="medium">
        <color rgb="FFFFFFFF"/>
      </top>
      <bottom style="medium">
        <color rgb="FF000000"/>
      </bottom>
      <diagonal/>
    </border>
    <border>
      <left/>
      <right style="medium">
        <color rgb="FFFFFFFF"/>
      </right>
      <top style="medium">
        <color rgb="FFFFFFFF"/>
      </top>
      <bottom style="medium">
        <color rgb="FF000000"/>
      </bottom>
      <diagonal/>
    </border>
    <border>
      <left/>
      <right/>
      <top style="medium">
        <color rgb="FFFFFFFF"/>
      </top>
      <bottom style="medium">
        <color rgb="FF000000"/>
      </bottom>
      <diagonal/>
    </border>
    <border>
      <left/>
      <right style="medium">
        <color rgb="FF000000"/>
      </right>
      <top style="medium">
        <color rgb="FFFFFFFF"/>
      </top>
      <bottom style="medium">
        <color rgb="FF000000"/>
      </bottom>
      <diagonal/>
    </border>
    <border>
      <left style="medium">
        <color rgb="FF000000"/>
      </left>
      <right/>
      <top style="medium">
        <color rgb="FFFFFFFF"/>
      </top>
      <bottom style="medium">
        <color rgb="FF000000"/>
      </bottom>
      <diagonal/>
    </border>
    <border>
      <left/>
      <right/>
      <top/>
      <bottom style="medium">
        <color rgb="FFFFFFFF"/>
      </bottom>
      <diagonal/>
    </border>
    <border>
      <left/>
      <right style="medium">
        <color rgb="FF000000"/>
      </right>
      <top/>
      <bottom style="medium">
        <color rgb="FFFFFFFF"/>
      </bottom>
      <diagonal/>
    </border>
    <border>
      <left style="medium">
        <color rgb="FF000000"/>
      </left>
      <right style="thin">
        <color rgb="FFFFFFFF"/>
      </right>
      <top style="medium">
        <color rgb="FF000000"/>
      </top>
      <bottom style="medium">
        <color rgb="FFFFFFFF"/>
      </bottom>
      <diagonal/>
    </border>
    <border>
      <left style="medium">
        <color rgb="FF000000"/>
      </left>
      <right style="thin">
        <color rgb="FFFFFFFF"/>
      </right>
      <top style="medium">
        <color rgb="FFFFFFFF"/>
      </top>
      <bottom style="medium">
        <color rgb="FFFFFFFF"/>
      </bottom>
      <diagonal/>
    </border>
    <border>
      <left style="medium">
        <color rgb="FF000000"/>
      </left>
      <right style="thin">
        <color rgb="FFFFFFFF"/>
      </right>
      <top style="medium">
        <color rgb="FFFFFFFF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/>
      <bottom style="medium">
        <color rgb="FFFFFFFF"/>
      </bottom>
      <diagonal/>
    </border>
    <border>
      <left style="medium">
        <color rgb="FF000000"/>
      </left>
      <right style="medium">
        <color rgb="FF000000"/>
      </right>
      <top style="medium">
        <color rgb="FFFFFFFF"/>
      </top>
      <bottom style="medium">
        <color rgb="FFFFFFFF"/>
      </bottom>
      <diagonal/>
    </border>
    <border>
      <left style="medium">
        <color rgb="FF000000"/>
      </left>
      <right style="medium">
        <color rgb="FF000000"/>
      </right>
      <top style="medium">
        <color rgb="FFFFFFFF"/>
      </top>
      <bottom style="medium">
        <color rgb="FF000000"/>
      </bottom>
      <diagonal/>
    </border>
    <border>
      <left/>
      <right style="medium">
        <color rgb="FFFFFFFF"/>
      </right>
      <top/>
      <bottom style="medium">
        <color rgb="FFFFFFFF"/>
      </bottom>
      <diagonal/>
    </border>
    <border>
      <left style="medium">
        <color rgb="FFFFFFFF"/>
      </left>
      <right style="medium">
        <color rgb="FFFFFFFF"/>
      </right>
      <top/>
      <bottom style="medium">
        <color rgb="FFFFFFFF"/>
      </bottom>
      <diagonal/>
    </border>
    <border>
      <left style="medium">
        <color rgb="FFFFFFFF"/>
      </left>
      <right style="medium">
        <color rgb="FF000000"/>
      </right>
      <top/>
      <bottom style="medium">
        <color rgb="FFFFFFFF"/>
      </bottom>
      <diagonal/>
    </border>
    <border>
      <left style="medium">
        <color rgb="FF000000"/>
      </left>
      <right style="medium">
        <color rgb="FF000000"/>
      </right>
      <top/>
      <bottom/>
      <diagonal/>
    </border>
    <border>
      <left style="medium">
        <color rgb="FFFFFFFF"/>
      </left>
      <right style="medium">
        <color rgb="FF000000"/>
      </right>
      <top style="medium">
        <color rgb="FFFFFFFF"/>
      </top>
      <bottom style="medium">
        <color rgb="FFFFFFFF"/>
      </bottom>
      <diagonal/>
    </border>
    <border>
      <left/>
      <right style="medium">
        <color rgb="FFFFFFFF"/>
      </right>
      <top style="medium">
        <color rgb="FFFFFFFF"/>
      </top>
      <bottom/>
      <diagonal/>
    </border>
    <border>
      <left style="medium">
        <color rgb="FFFFFFFF"/>
      </left>
      <right style="medium">
        <color rgb="FFFFFFFF"/>
      </right>
      <top style="medium">
        <color rgb="FFFFFFFF"/>
      </top>
      <bottom/>
      <diagonal/>
    </border>
    <border>
      <left style="medium">
        <color rgb="FFFFFFFF"/>
      </left>
      <right style="medium">
        <color rgb="FF000000"/>
      </right>
      <top style="medium">
        <color rgb="FFFFFFFF"/>
      </top>
      <bottom/>
      <diagonal/>
    </border>
    <border>
      <left style="thin">
        <color rgb="FFFFFFFF"/>
      </left>
      <right/>
      <top style="thin">
        <color rgb="FFFFFFFF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rgb="FF000000"/>
      </bottom>
      <diagonal/>
    </border>
    <border>
      <left/>
      <right/>
      <top style="thin">
        <color indexed="64"/>
      </top>
      <bottom style="thin">
        <color rgb="FF000000"/>
      </bottom>
      <diagonal/>
    </border>
    <border>
      <left/>
      <right style="thin">
        <color indexed="64"/>
      </right>
      <top style="thin">
        <color indexed="64"/>
      </top>
      <bottom style="thin">
        <color rgb="FF000000"/>
      </bottom>
      <diagonal/>
    </border>
    <border>
      <left style="thin">
        <color indexed="64"/>
      </left>
      <right/>
      <top style="thin">
        <color rgb="FF999999"/>
      </top>
      <bottom/>
      <diagonal/>
    </border>
    <border>
      <left/>
      <right style="thin">
        <color indexed="64"/>
      </right>
      <top style="thin">
        <color rgb="FF999999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rgb="FF000000"/>
      </left>
      <right style="medium">
        <color rgb="FF000000"/>
      </right>
      <top style="medium">
        <color rgb="FFFFFFFF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rgb="FF003434"/>
      </left>
      <right style="medium">
        <color rgb="FFD9D9D9"/>
      </right>
      <top/>
      <bottom style="medium">
        <color rgb="FF003434"/>
      </bottom>
      <diagonal/>
    </border>
    <border>
      <left style="medium">
        <color rgb="FFD9D9D9"/>
      </left>
      <right style="medium">
        <color rgb="FFD9D9D9"/>
      </right>
      <top/>
      <bottom style="medium">
        <color rgb="FF003434"/>
      </bottom>
      <diagonal/>
    </border>
    <border>
      <left style="medium">
        <color rgb="FF000000"/>
      </left>
      <right style="medium">
        <color rgb="FFFFFFFF"/>
      </right>
      <top style="medium">
        <color rgb="FFFFFFFF"/>
      </top>
      <bottom style="medium">
        <color indexed="64"/>
      </bottom>
      <diagonal/>
    </border>
    <border>
      <left style="medium">
        <color indexed="64"/>
      </left>
      <right style="medium">
        <color rgb="FF003434"/>
      </right>
      <top style="medium">
        <color rgb="FFFFFFFF"/>
      </top>
      <bottom style="medium">
        <color indexed="64"/>
      </bottom>
      <diagonal/>
    </border>
    <border>
      <left style="medium">
        <color rgb="FFD9D9D9"/>
      </left>
      <right style="medium">
        <color rgb="FFD9D9D9"/>
      </right>
      <top style="medium">
        <color rgb="FFD9D9D9"/>
      </top>
      <bottom style="medium">
        <color theme="2" tint="-9.9978637043366805E-2"/>
      </bottom>
      <diagonal/>
    </border>
    <border>
      <left style="medium">
        <color rgb="FF003434"/>
      </left>
      <right style="medium">
        <color rgb="FFD9D9D9"/>
      </right>
      <top style="medium">
        <color rgb="FFD9D9D9"/>
      </top>
      <bottom style="medium">
        <color theme="2" tint="-9.9978637043366805E-2"/>
      </bottom>
      <diagonal/>
    </border>
    <border>
      <left style="medium">
        <color theme="2" tint="-9.9978637043366805E-2"/>
      </left>
      <right/>
      <top style="medium">
        <color theme="2" tint="-9.9978637043366805E-2"/>
      </top>
      <bottom/>
      <diagonal/>
    </border>
    <border>
      <left/>
      <right style="medium">
        <color theme="2" tint="-9.9978637043366805E-2"/>
      </right>
      <top style="medium">
        <color theme="2" tint="-9.9978637043366805E-2"/>
      </top>
      <bottom style="medium">
        <color theme="2" tint="-9.9978637043366805E-2"/>
      </bottom>
      <diagonal/>
    </border>
    <border>
      <left style="medium">
        <color rgb="FFD9D9D9"/>
      </left>
      <right style="medium">
        <color rgb="FFD9D9D9"/>
      </right>
      <top style="medium">
        <color theme="2" tint="-9.9978637043366805E-2"/>
      </top>
      <bottom style="medium">
        <color rgb="FF003434"/>
      </bottom>
      <diagonal/>
    </border>
    <border>
      <left style="medium">
        <color rgb="FFD9D9D9"/>
      </left>
      <right style="medium">
        <color rgb="FF000000"/>
      </right>
      <top style="medium">
        <color rgb="FF000000"/>
      </top>
      <bottom style="medium">
        <color theme="2" tint="-9.9978637043366805E-2"/>
      </bottom>
      <diagonal/>
    </border>
    <border>
      <left style="medium">
        <color theme="2" tint="-9.9978637043366805E-2"/>
      </left>
      <right/>
      <top style="medium">
        <color theme="2" tint="-9.9978637043366805E-2"/>
      </top>
      <bottom style="medium">
        <color theme="2" tint="-9.9978637043366805E-2"/>
      </bottom>
      <diagonal/>
    </border>
    <border>
      <left style="medium">
        <color theme="2" tint="-9.9978637043366805E-2"/>
      </left>
      <right style="medium">
        <color indexed="64"/>
      </right>
      <top style="medium">
        <color indexed="64"/>
      </top>
      <bottom style="medium">
        <color theme="2" tint="-9.9978637043366805E-2"/>
      </bottom>
      <diagonal/>
    </border>
    <border>
      <left style="medium">
        <color indexed="64"/>
      </left>
      <right style="medium">
        <color rgb="FF003434"/>
      </right>
      <top style="medium">
        <color theme="0"/>
      </top>
      <bottom style="medium">
        <color rgb="FF003434"/>
      </bottom>
      <diagonal/>
    </border>
    <border>
      <left style="medium">
        <color indexed="64"/>
      </left>
      <right style="medium">
        <color indexed="64"/>
      </right>
      <top style="medium">
        <color rgb="FFFFFFFF"/>
      </top>
      <bottom/>
      <diagonal/>
    </border>
    <border>
      <left style="medium">
        <color theme="2" tint="-9.9978637043366805E-2"/>
      </left>
      <right style="medium">
        <color rgb="FF000000"/>
      </right>
      <top style="medium">
        <color indexed="64"/>
      </top>
      <bottom style="medium">
        <color rgb="FF000000"/>
      </bottom>
      <diagonal/>
    </border>
    <border>
      <left style="medium">
        <color rgb="FFD9D9D9"/>
      </left>
      <right/>
      <top style="medium">
        <color theme="2" tint="-9.9978637043366805E-2"/>
      </top>
      <bottom style="medium">
        <color rgb="FF000000"/>
      </bottom>
      <diagonal/>
    </border>
    <border>
      <left style="medium">
        <color rgb="FF000000"/>
      </left>
      <right style="thin">
        <color rgb="FFFFFFFF"/>
      </right>
      <top style="medium">
        <color rgb="FFFFFFFF"/>
      </top>
      <bottom/>
      <diagonal/>
    </border>
    <border>
      <left/>
      <right/>
      <top style="medium">
        <color rgb="FFFFFFFF"/>
      </top>
      <bottom/>
      <diagonal/>
    </border>
    <border>
      <left style="medium">
        <color rgb="FFFFFFFF"/>
      </left>
      <right/>
      <top style="medium">
        <color rgb="FFFFFFFF"/>
      </top>
      <bottom/>
      <diagonal/>
    </border>
    <border>
      <left/>
      <right style="medium">
        <color rgb="FF000000"/>
      </right>
      <top style="medium">
        <color rgb="FFFFFFFF"/>
      </top>
      <bottom/>
      <diagonal/>
    </border>
    <border>
      <left style="medium">
        <color indexed="64"/>
      </left>
      <right/>
      <top style="medium">
        <color rgb="FF000000"/>
      </top>
      <bottom style="medium">
        <color rgb="FF003434"/>
      </bottom>
      <diagonal/>
    </border>
    <border>
      <left/>
      <right/>
      <top style="medium">
        <color rgb="FF000000"/>
      </top>
      <bottom style="medium">
        <color rgb="FF003434"/>
      </bottom>
      <diagonal/>
    </border>
    <border>
      <left/>
      <right style="medium">
        <color rgb="FF003434"/>
      </right>
      <top style="medium">
        <color rgb="FF000000"/>
      </top>
      <bottom style="medium">
        <color rgb="FF003434"/>
      </bottom>
      <diagonal/>
    </border>
  </borders>
  <cellStyleXfs count="1">
    <xf numFmtId="0" fontId="0" fillId="0" borderId="0"/>
  </cellStyleXfs>
  <cellXfs count="317">
    <xf numFmtId="0" fontId="0" fillId="0" borderId="0" xfId="0" applyFont="1" applyAlignment="1"/>
    <xf numFmtId="0" fontId="3" fillId="21" borderId="85" xfId="0" applyFont="1" applyFill="1" applyBorder="1" applyAlignment="1">
      <alignment horizontal="center" vertical="center" wrapText="1"/>
    </xf>
    <xf numFmtId="0" fontId="1" fillId="5" borderId="0" xfId="0" applyFont="1" applyFill="1" applyAlignment="1">
      <alignment horizontal="left" vertical="center"/>
    </xf>
    <xf numFmtId="0" fontId="1" fillId="5" borderId="85" xfId="0" applyFont="1" applyFill="1" applyBorder="1" applyAlignment="1" applyProtection="1">
      <alignment vertical="center" wrapText="1"/>
      <protection locked="0"/>
    </xf>
    <xf numFmtId="0" fontId="1" fillId="0" borderId="85" xfId="0" applyFont="1" applyFill="1" applyBorder="1" applyAlignment="1" applyProtection="1">
      <alignment horizontal="left" vertical="center" wrapText="1"/>
      <protection locked="0"/>
    </xf>
    <xf numFmtId="0" fontId="1" fillId="4" borderId="0" xfId="0" applyFont="1" applyFill="1" applyAlignment="1">
      <alignment vertical="center" wrapText="1"/>
    </xf>
    <xf numFmtId="0" fontId="1" fillId="5" borderId="87" xfId="0" applyFont="1" applyFill="1" applyBorder="1" applyAlignment="1">
      <alignment vertical="center" wrapText="1"/>
    </xf>
    <xf numFmtId="0" fontId="1" fillId="5" borderId="10" xfId="0" applyFont="1" applyFill="1" applyBorder="1" applyAlignment="1">
      <alignment vertical="center" wrapText="1"/>
    </xf>
    <xf numFmtId="0" fontId="1" fillId="5" borderId="93" xfId="0" applyFont="1" applyFill="1" applyBorder="1" applyAlignment="1">
      <alignment vertical="center" wrapText="1"/>
    </xf>
    <xf numFmtId="0" fontId="1" fillId="0" borderId="0" xfId="0" applyFont="1" applyAlignment="1"/>
    <xf numFmtId="0" fontId="1" fillId="4" borderId="3" xfId="0" applyFont="1" applyFill="1" applyBorder="1" applyAlignment="1">
      <alignment vertical="center" wrapText="1"/>
    </xf>
    <xf numFmtId="0" fontId="1" fillId="5" borderId="94" xfId="0" applyFont="1" applyFill="1" applyBorder="1" applyAlignment="1">
      <alignment vertical="center" wrapText="1"/>
    </xf>
    <xf numFmtId="0" fontId="1" fillId="5" borderId="86" xfId="0" applyFont="1" applyFill="1" applyBorder="1" applyAlignment="1">
      <alignment horizontal="left" vertical="center" wrapText="1"/>
    </xf>
    <xf numFmtId="0" fontId="1" fillId="5" borderId="86" xfId="0" applyFont="1" applyFill="1" applyBorder="1" applyAlignment="1">
      <alignment vertical="center" wrapText="1"/>
    </xf>
    <xf numFmtId="0" fontId="1" fillId="5" borderId="95" xfId="0" applyFont="1" applyFill="1" applyBorder="1" applyAlignment="1">
      <alignment vertical="center" wrapText="1"/>
    </xf>
    <xf numFmtId="0" fontId="1" fillId="0" borderId="0" xfId="0" applyFont="1" applyAlignment="1">
      <alignment horizontal="left"/>
    </xf>
    <xf numFmtId="0" fontId="1" fillId="5" borderId="85" xfId="0" applyFont="1" applyFill="1" applyBorder="1" applyAlignment="1">
      <alignment horizontal="left" vertical="center" wrapText="1"/>
    </xf>
    <xf numFmtId="164" fontId="1" fillId="5" borderId="85" xfId="0" applyNumberFormat="1" applyFont="1" applyFill="1" applyBorder="1" applyAlignment="1">
      <alignment horizontal="left" vertical="center" wrapText="1"/>
    </xf>
    <xf numFmtId="0" fontId="5" fillId="5" borderId="5" xfId="0" applyFont="1" applyFill="1" applyBorder="1" applyAlignment="1">
      <alignment horizontal="left"/>
    </xf>
    <xf numFmtId="0" fontId="5" fillId="5" borderId="8" xfId="0" applyFont="1" applyFill="1" applyBorder="1" applyAlignment="1">
      <alignment horizontal="left" vertical="center"/>
    </xf>
    <xf numFmtId="0" fontId="5" fillId="5" borderId="10" xfId="0" applyFont="1" applyFill="1" applyBorder="1" applyAlignment="1">
      <alignment horizontal="left"/>
    </xf>
    <xf numFmtId="0" fontId="5" fillId="0" borderId="0" xfId="0" applyFont="1" applyAlignment="1">
      <alignment horizontal="left"/>
    </xf>
    <xf numFmtId="0" fontId="5" fillId="5" borderId="9" xfId="0" applyFont="1" applyFill="1" applyBorder="1" applyAlignment="1">
      <alignment horizontal="left"/>
    </xf>
    <xf numFmtId="14" fontId="5" fillId="0" borderId="0" xfId="0" applyNumberFormat="1" applyFont="1" applyAlignment="1">
      <alignment horizontal="left"/>
    </xf>
    <xf numFmtId="0" fontId="1" fillId="4" borderId="0" xfId="0" applyFont="1" applyFill="1" applyAlignment="1">
      <alignment horizontal="left" vertical="center" wrapText="1"/>
    </xf>
    <xf numFmtId="0" fontId="1" fillId="5" borderId="91" xfId="0" applyFont="1" applyFill="1" applyBorder="1" applyAlignment="1">
      <alignment vertical="center" wrapText="1"/>
    </xf>
    <xf numFmtId="0" fontId="1" fillId="5" borderId="1" xfId="0" applyFont="1" applyFill="1" applyBorder="1" applyAlignment="1">
      <alignment horizontal="left" vertical="center" wrapText="1"/>
    </xf>
    <xf numFmtId="0" fontId="1" fillId="5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vertical="center" wrapText="1"/>
    </xf>
    <xf numFmtId="0" fontId="1" fillId="5" borderId="92" xfId="0" applyFont="1" applyFill="1" applyBorder="1" applyAlignment="1">
      <alignment vertical="center" wrapText="1"/>
    </xf>
    <xf numFmtId="0" fontId="1" fillId="5" borderId="10" xfId="0" applyFont="1" applyFill="1" applyBorder="1" applyAlignment="1">
      <alignment horizontal="left" vertical="center" wrapText="1"/>
    </xf>
    <xf numFmtId="0" fontId="1" fillId="5" borderId="10" xfId="0" applyFont="1" applyFill="1" applyBorder="1" applyAlignment="1">
      <alignment horizontal="center" vertical="center" wrapText="1"/>
    </xf>
    <xf numFmtId="0" fontId="1" fillId="5" borderId="2" xfId="0" applyFont="1" applyFill="1" applyBorder="1" applyAlignment="1">
      <alignment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Fill="1" applyAlignment="1" applyProtection="1">
      <alignment horizontal="left" wrapText="1"/>
      <protection locked="0"/>
    </xf>
    <xf numFmtId="0" fontId="3" fillId="21" borderId="85" xfId="0" applyFont="1" applyFill="1" applyBorder="1" applyAlignment="1" applyProtection="1">
      <alignment horizontal="center" vertical="center" wrapText="1"/>
    </xf>
    <xf numFmtId="0" fontId="2" fillId="26" borderId="85" xfId="0" applyFont="1" applyFill="1" applyBorder="1" applyAlignment="1" applyProtection="1">
      <alignment horizontal="center" vertical="center" wrapText="1"/>
    </xf>
    <xf numFmtId="0" fontId="1" fillId="5" borderId="0" xfId="0" applyFont="1" applyFill="1" applyAlignment="1" applyProtection="1">
      <alignment horizontal="left" vertical="center" wrapText="1"/>
      <protection locked="0"/>
    </xf>
    <xf numFmtId="0" fontId="1" fillId="5" borderId="4" xfId="0" applyFont="1" applyFill="1" applyBorder="1" applyAlignment="1" applyProtection="1">
      <alignment horizontal="left" vertical="center" wrapText="1"/>
      <protection locked="0"/>
    </xf>
    <xf numFmtId="0" fontId="1" fillId="5" borderId="5" xfId="0" applyFont="1" applyFill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3" fillId="5" borderId="0" xfId="0" applyFont="1" applyFill="1" applyAlignment="1" applyProtection="1">
      <alignment horizontal="left" vertical="center" wrapText="1"/>
      <protection locked="0"/>
    </xf>
    <xf numFmtId="0" fontId="3" fillId="5" borderId="6" xfId="0" applyFont="1" applyFill="1" applyBorder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165" fontId="1" fillId="0" borderId="0" xfId="0" applyNumberFormat="1" applyFont="1" applyFill="1" applyAlignment="1" applyProtection="1">
      <alignment horizontal="left" vertical="center" wrapText="1"/>
      <protection locked="0"/>
    </xf>
    <xf numFmtId="0" fontId="1" fillId="0" borderId="6" xfId="0" applyFont="1" applyFill="1" applyBorder="1" applyAlignment="1" applyProtection="1">
      <alignment horizontal="left" vertical="center" wrapText="1"/>
      <protection locked="0"/>
    </xf>
    <xf numFmtId="0" fontId="1" fillId="0" borderId="0" xfId="0" applyFont="1" applyFill="1" applyAlignment="1" applyProtection="1">
      <alignment horizontal="left" vertical="center" wrapText="1"/>
      <protection locked="0"/>
    </xf>
    <xf numFmtId="3" fontId="1" fillId="0" borderId="85" xfId="0" applyNumberFormat="1" applyFont="1" applyFill="1" applyBorder="1" applyAlignment="1" applyProtection="1">
      <alignment horizontal="left" vertical="center" wrapText="1"/>
      <protection locked="0"/>
    </xf>
    <xf numFmtId="0" fontId="3" fillId="0" borderId="97" xfId="0" applyFont="1" applyFill="1" applyBorder="1" applyAlignment="1">
      <alignment vertical="center"/>
    </xf>
    <xf numFmtId="0" fontId="5" fillId="0" borderId="10" xfId="0" applyFont="1" applyBorder="1" applyAlignment="1">
      <alignment horizontal="left"/>
    </xf>
    <xf numFmtId="0" fontId="1" fillId="0" borderId="85" xfId="0" applyFont="1" applyFill="1" applyBorder="1" applyAlignment="1">
      <alignment horizontal="left" vertical="center" wrapText="1"/>
    </xf>
    <xf numFmtId="0" fontId="6" fillId="21" borderId="85" xfId="0" applyFont="1" applyFill="1" applyBorder="1" applyAlignment="1" applyProtection="1">
      <alignment horizontal="center" vertical="center" wrapText="1"/>
    </xf>
    <xf numFmtId="0" fontId="1" fillId="5" borderId="10" xfId="0" applyFont="1" applyFill="1" applyBorder="1" applyAlignment="1" applyProtection="1">
      <alignment horizontal="left" vertical="center" wrapText="1"/>
      <protection locked="0"/>
    </xf>
    <xf numFmtId="0" fontId="5" fillId="0" borderId="0" xfId="0" applyFont="1" applyAlignment="1"/>
    <xf numFmtId="49" fontId="1" fillId="0" borderId="85" xfId="0" applyNumberFormat="1" applyFont="1" applyFill="1" applyBorder="1" applyAlignment="1">
      <alignment horizontal="left" vertical="center" wrapText="1"/>
    </xf>
    <xf numFmtId="0" fontId="1" fillId="0" borderId="0" xfId="0" applyFont="1" applyFill="1" applyAlignment="1">
      <alignment horizontal="left" vertical="center"/>
    </xf>
    <xf numFmtId="0" fontId="1" fillId="0" borderId="0" xfId="0" applyFont="1" applyFill="1" applyAlignment="1">
      <alignment horizontal="left"/>
    </xf>
    <xf numFmtId="0" fontId="1" fillId="10" borderId="85" xfId="0" applyFont="1" applyFill="1" applyBorder="1" applyAlignment="1">
      <alignment horizontal="left" vertical="center" wrapText="1"/>
    </xf>
    <xf numFmtId="0" fontId="1" fillId="27" borderId="85" xfId="0" applyFont="1" applyFill="1" applyBorder="1" applyAlignment="1" applyProtection="1">
      <alignment horizontal="left" vertical="center" wrapText="1"/>
    </xf>
    <xf numFmtId="3" fontId="1" fillId="27" borderId="85" xfId="0" applyNumberFormat="1" applyFont="1" applyFill="1" applyBorder="1" applyAlignment="1" applyProtection="1">
      <alignment horizontal="left" vertical="center" wrapText="1"/>
    </xf>
    <xf numFmtId="166" fontId="1" fillId="27" borderId="85" xfId="0" applyNumberFormat="1" applyFont="1" applyFill="1" applyBorder="1" applyAlignment="1" applyProtection="1">
      <alignment horizontal="left" vertical="center" wrapText="1"/>
    </xf>
    <xf numFmtId="0" fontId="2" fillId="28" borderId="85" xfId="0" applyFont="1" applyFill="1" applyBorder="1" applyAlignment="1">
      <alignment horizontal="left" vertical="center" wrapText="1"/>
    </xf>
    <xf numFmtId="1" fontId="1" fillId="28" borderId="85" xfId="0" applyNumberFormat="1" applyFont="1" applyFill="1" applyBorder="1" applyAlignment="1">
      <alignment horizontal="right" vertical="center" wrapText="1"/>
    </xf>
    <xf numFmtId="0" fontId="7" fillId="10" borderId="85" xfId="0" applyFont="1" applyFill="1" applyBorder="1" applyAlignment="1">
      <alignment horizontal="left" vertical="center" wrapText="1"/>
    </xf>
    <xf numFmtId="0" fontId="7" fillId="29" borderId="85" xfId="0" applyFont="1" applyFill="1" applyBorder="1" applyAlignment="1">
      <alignment horizontal="left" vertical="center" wrapText="1"/>
    </xf>
    <xf numFmtId="0" fontId="1" fillId="0" borderId="0" xfId="0" applyFont="1" applyAlignment="1">
      <alignment wrapText="1"/>
    </xf>
    <xf numFmtId="0" fontId="5" fillId="0" borderId="0" xfId="0" applyFont="1" applyAlignment="1">
      <alignment wrapText="1"/>
    </xf>
    <xf numFmtId="0" fontId="4" fillId="21" borderId="85" xfId="0" applyFont="1" applyFill="1" applyBorder="1" applyAlignment="1">
      <alignment horizontal="left" vertical="center" wrapText="1"/>
    </xf>
    <xf numFmtId="0" fontId="7" fillId="0" borderId="85" xfId="0" applyFont="1" applyFill="1" applyBorder="1" applyAlignment="1">
      <alignment horizontal="left" vertical="center" wrapText="1"/>
    </xf>
    <xf numFmtId="0" fontId="1" fillId="0" borderId="0" xfId="0" applyFont="1" applyFill="1" applyAlignment="1"/>
    <xf numFmtId="0" fontId="1" fillId="10" borderId="101" xfId="0" applyFont="1" applyFill="1" applyBorder="1" applyAlignment="1">
      <alignment horizontal="left" vertical="center" wrapText="1"/>
    </xf>
    <xf numFmtId="0" fontId="1" fillId="27" borderId="85" xfId="0" applyFont="1" applyFill="1" applyBorder="1" applyAlignment="1">
      <alignment horizontal="left" vertical="center" wrapText="1"/>
    </xf>
    <xf numFmtId="0" fontId="1" fillId="29" borderId="85" xfId="0" applyFont="1" applyFill="1" applyBorder="1" applyAlignment="1">
      <alignment horizontal="left" vertical="center" wrapText="1"/>
    </xf>
    <xf numFmtId="0" fontId="1" fillId="0" borderId="101" xfId="0" applyFont="1" applyFill="1" applyBorder="1" applyAlignment="1">
      <alignment horizontal="left" vertical="center" wrapText="1"/>
    </xf>
    <xf numFmtId="0" fontId="7" fillId="27" borderId="85" xfId="0" applyFont="1" applyFill="1" applyBorder="1" applyAlignment="1">
      <alignment horizontal="left" vertical="center" wrapText="1"/>
    </xf>
    <xf numFmtId="14" fontId="1" fillId="27" borderId="85" xfId="0" applyNumberFormat="1" applyFont="1" applyFill="1" applyBorder="1" applyAlignment="1">
      <alignment horizontal="left" vertical="center" wrapText="1"/>
    </xf>
    <xf numFmtId="0" fontId="3" fillId="21" borderId="96" xfId="0" applyFont="1" applyFill="1" applyBorder="1" applyAlignment="1">
      <alignment vertical="center" wrapText="1"/>
    </xf>
    <xf numFmtId="0" fontId="2" fillId="23" borderId="85" xfId="0" applyFont="1" applyFill="1" applyBorder="1" applyAlignment="1">
      <alignment horizontal="center" vertical="center" wrapText="1"/>
    </xf>
    <xf numFmtId="0" fontId="2" fillId="25" borderId="85" xfId="0" applyFont="1" applyFill="1" applyBorder="1" applyAlignment="1">
      <alignment horizontal="center" vertical="center" wrapText="1"/>
    </xf>
    <xf numFmtId="0" fontId="3" fillId="21" borderId="86" xfId="0" applyFont="1" applyFill="1" applyBorder="1" applyAlignment="1" applyProtection="1">
      <alignment horizontal="center" vertical="center" wrapText="1"/>
    </xf>
    <xf numFmtId="0" fontId="0" fillId="0" borderId="0" xfId="0" applyFont="1" applyAlignment="1">
      <alignment wrapText="1"/>
    </xf>
    <xf numFmtId="0" fontId="8" fillId="0" borderId="85" xfId="0" applyFont="1" applyBorder="1" applyAlignment="1">
      <alignment wrapText="1"/>
    </xf>
    <xf numFmtId="0" fontId="0" fillId="0" borderId="85" xfId="0" applyFont="1" applyBorder="1" applyAlignment="1">
      <alignment vertical="center" wrapText="1"/>
    </xf>
    <xf numFmtId="0" fontId="0" fillId="0" borderId="0" xfId="0" applyFont="1" applyAlignment="1">
      <alignment vertical="center" wrapText="1"/>
    </xf>
    <xf numFmtId="0" fontId="8" fillId="0" borderId="0" xfId="0" applyFont="1" applyAlignment="1"/>
    <xf numFmtId="0" fontId="12" fillId="4" borderId="0" xfId="0" applyFont="1" applyFill="1" applyAlignment="1">
      <alignment wrapText="1"/>
    </xf>
    <xf numFmtId="0" fontId="14" fillId="10" borderId="20" xfId="0" applyFont="1" applyFill="1" applyBorder="1" applyAlignment="1">
      <alignment horizontal="center" vertical="center" wrapText="1"/>
    </xf>
    <xf numFmtId="0" fontId="14" fillId="10" borderId="21" xfId="0" applyFont="1" applyFill="1" applyBorder="1" applyAlignment="1">
      <alignment horizontal="center" vertical="center" wrapText="1"/>
    </xf>
    <xf numFmtId="0" fontId="14" fillId="10" borderId="22" xfId="0" applyFont="1" applyFill="1" applyBorder="1" applyAlignment="1">
      <alignment horizontal="center" vertical="center" wrapText="1"/>
    </xf>
    <xf numFmtId="0" fontId="14" fillId="10" borderId="23" xfId="0" applyFont="1" applyFill="1" applyBorder="1" applyAlignment="1">
      <alignment horizontal="center" vertical="center" wrapText="1"/>
    </xf>
    <xf numFmtId="0" fontId="12" fillId="10" borderId="24" xfId="0" applyFont="1" applyFill="1" applyBorder="1" applyAlignment="1">
      <alignment horizontal="center" vertical="center"/>
    </xf>
    <xf numFmtId="0" fontId="15" fillId="7" borderId="26" xfId="0" applyFont="1" applyFill="1" applyBorder="1" applyAlignment="1">
      <alignment horizontal="center" vertical="center"/>
    </xf>
    <xf numFmtId="0" fontId="15" fillId="3" borderId="27" xfId="0" applyFont="1" applyFill="1" applyBorder="1" applyAlignment="1">
      <alignment horizontal="center" vertical="center"/>
    </xf>
    <xf numFmtId="0" fontId="15" fillId="12" borderId="27" xfId="0" applyFont="1" applyFill="1" applyBorder="1" applyAlignment="1">
      <alignment horizontal="center" vertical="center"/>
    </xf>
    <xf numFmtId="0" fontId="15" fillId="13" borderId="27" xfId="0" applyFont="1" applyFill="1" applyBorder="1" applyAlignment="1">
      <alignment horizontal="center" vertical="center"/>
    </xf>
    <xf numFmtId="0" fontId="15" fillId="14" borderId="27" xfId="0" applyFont="1" applyFill="1" applyBorder="1" applyAlignment="1">
      <alignment horizontal="center" vertical="center"/>
    </xf>
    <xf numFmtId="0" fontId="15" fillId="15" borderId="28" xfId="0" applyFont="1" applyFill="1" applyBorder="1" applyAlignment="1">
      <alignment horizontal="center" vertical="center"/>
    </xf>
    <xf numFmtId="0" fontId="8" fillId="14" borderId="29" xfId="0" applyFont="1" applyFill="1" applyBorder="1" applyAlignment="1">
      <alignment horizontal="center" vertical="center" wrapText="1"/>
    </xf>
    <xf numFmtId="0" fontId="8" fillId="5" borderId="30" xfId="0" applyFont="1" applyFill="1" applyBorder="1" applyAlignment="1">
      <alignment horizontal="center" vertical="center" wrapText="1"/>
    </xf>
    <xf numFmtId="0" fontId="8" fillId="5" borderId="31" xfId="0" applyFont="1" applyFill="1" applyBorder="1" applyAlignment="1">
      <alignment horizontal="center" vertical="center" wrapText="1"/>
    </xf>
    <xf numFmtId="9" fontId="8" fillId="5" borderId="32" xfId="0" applyNumberFormat="1" applyFont="1" applyFill="1" applyBorder="1" applyAlignment="1">
      <alignment horizontal="center" vertical="center" wrapText="1"/>
    </xf>
    <xf numFmtId="0" fontId="15" fillId="4" borderId="33" xfId="0" applyFont="1" applyFill="1" applyBorder="1" applyAlignment="1">
      <alignment horizontal="center" vertical="center" wrapText="1"/>
    </xf>
    <xf numFmtId="0" fontId="17" fillId="5" borderId="39" xfId="0" applyFont="1" applyFill="1" applyBorder="1" applyAlignment="1">
      <alignment horizontal="center" vertical="center"/>
    </xf>
    <xf numFmtId="0" fontId="8" fillId="2" borderId="40" xfId="0" applyFont="1" applyFill="1" applyBorder="1" applyAlignment="1">
      <alignment horizontal="center" vertical="center"/>
    </xf>
    <xf numFmtId="0" fontId="8" fillId="2" borderId="41" xfId="0" applyFont="1" applyFill="1" applyBorder="1" applyAlignment="1">
      <alignment horizontal="center" vertical="center"/>
    </xf>
    <xf numFmtId="0" fontId="8" fillId="2" borderId="42" xfId="0" applyFont="1" applyFill="1" applyBorder="1" applyAlignment="1">
      <alignment horizontal="center" vertical="center"/>
    </xf>
    <xf numFmtId="0" fontId="9" fillId="0" borderId="0" xfId="0" applyFont="1" applyAlignment="1"/>
    <xf numFmtId="0" fontId="8" fillId="16" borderId="44" xfId="0" applyFont="1" applyFill="1" applyBorder="1" applyAlignment="1">
      <alignment horizontal="center" vertical="center" wrapText="1"/>
    </xf>
    <xf numFmtId="0" fontId="8" fillId="5" borderId="45" xfId="0" applyFont="1" applyFill="1" applyBorder="1" applyAlignment="1">
      <alignment horizontal="center" vertical="center" wrapText="1"/>
    </xf>
    <xf numFmtId="0" fontId="8" fillId="5" borderId="46" xfId="0" applyFont="1" applyFill="1" applyBorder="1" applyAlignment="1">
      <alignment horizontal="center" vertical="center" wrapText="1"/>
    </xf>
    <xf numFmtId="9" fontId="8" fillId="5" borderId="43" xfId="0" applyNumberFormat="1" applyFont="1" applyFill="1" applyBorder="1" applyAlignment="1">
      <alignment horizontal="center" vertical="center" wrapText="1"/>
    </xf>
    <xf numFmtId="0" fontId="15" fillId="4" borderId="47" xfId="0" applyFont="1" applyFill="1" applyBorder="1" applyAlignment="1">
      <alignment horizontal="center" vertical="center" wrapText="1"/>
    </xf>
    <xf numFmtId="0" fontId="17" fillId="5" borderId="53" xfId="0" applyFont="1" applyFill="1" applyBorder="1" applyAlignment="1">
      <alignment horizontal="center" vertical="center"/>
    </xf>
    <xf numFmtId="0" fontId="18" fillId="5" borderId="54" xfId="0" applyFont="1" applyFill="1" applyBorder="1" applyAlignment="1">
      <alignment horizontal="center" vertical="center"/>
    </xf>
    <xf numFmtId="0" fontId="8" fillId="2" borderId="49" xfId="0" applyFont="1" applyFill="1" applyBorder="1" applyAlignment="1">
      <alignment horizontal="center" vertical="center"/>
    </xf>
    <xf numFmtId="0" fontId="8" fillId="2" borderId="55" xfId="0" applyFont="1" applyFill="1" applyBorder="1" applyAlignment="1">
      <alignment horizontal="center" vertical="center"/>
    </xf>
    <xf numFmtId="0" fontId="8" fillId="2" borderId="56" xfId="0" applyFont="1" applyFill="1" applyBorder="1" applyAlignment="1">
      <alignment horizontal="center" vertical="center"/>
    </xf>
    <xf numFmtId="0" fontId="8" fillId="17" borderId="44" xfId="0" applyFont="1" applyFill="1" applyBorder="1" applyAlignment="1">
      <alignment horizontal="center" vertical="center" wrapText="1"/>
    </xf>
    <xf numFmtId="0" fontId="18" fillId="5" borderId="57" xfId="0" applyFont="1" applyFill="1" applyBorder="1" applyAlignment="1">
      <alignment horizontal="center" vertical="center"/>
    </xf>
    <xf numFmtId="0" fontId="19" fillId="5" borderId="54" xfId="0" applyFont="1" applyFill="1" applyBorder="1" applyAlignment="1">
      <alignment horizontal="center" vertical="center"/>
    </xf>
    <xf numFmtId="0" fontId="8" fillId="9" borderId="44" xfId="0" applyFont="1" applyFill="1" applyBorder="1" applyAlignment="1">
      <alignment horizontal="center" vertical="center" wrapText="1"/>
    </xf>
    <xf numFmtId="0" fontId="8" fillId="7" borderId="58" xfId="0" applyFont="1" applyFill="1" applyBorder="1" applyAlignment="1">
      <alignment horizontal="center" vertical="center" wrapText="1"/>
    </xf>
    <xf numFmtId="0" fontId="8" fillId="5" borderId="59" xfId="0" applyFont="1" applyFill="1" applyBorder="1" applyAlignment="1">
      <alignment horizontal="center" vertical="center" wrapText="1"/>
    </xf>
    <xf numFmtId="0" fontId="8" fillId="5" borderId="60" xfId="0" applyFont="1" applyFill="1" applyBorder="1" applyAlignment="1">
      <alignment horizontal="center" vertical="center" wrapText="1"/>
    </xf>
    <xf numFmtId="9" fontId="8" fillId="5" borderId="61" xfId="0" applyNumberFormat="1" applyFont="1" applyFill="1" applyBorder="1" applyAlignment="1">
      <alignment horizontal="center" vertical="center" wrapText="1"/>
    </xf>
    <xf numFmtId="0" fontId="15" fillId="4" borderId="62" xfId="0" applyFont="1" applyFill="1" applyBorder="1" applyAlignment="1">
      <alignment horizontal="center" vertical="center" wrapText="1"/>
    </xf>
    <xf numFmtId="0" fontId="1" fillId="4" borderId="0" xfId="0" applyFont="1" applyFill="1"/>
    <xf numFmtId="0" fontId="1" fillId="4" borderId="0" xfId="0" applyFont="1" applyFill="1" applyAlignment="1"/>
    <xf numFmtId="164" fontId="1" fillId="4" borderId="0" xfId="0" applyNumberFormat="1" applyFont="1" applyFill="1"/>
    <xf numFmtId="0" fontId="14" fillId="10" borderId="16" xfId="0" applyFont="1" applyFill="1" applyBorder="1" applyAlignment="1">
      <alignment horizontal="center" vertical="center" wrapText="1"/>
    </xf>
    <xf numFmtId="0" fontId="15" fillId="4" borderId="70" xfId="0" applyFont="1" applyFill="1" applyBorder="1" applyAlignment="1">
      <alignment horizontal="center" vertical="center" wrapText="1"/>
    </xf>
    <xf numFmtId="0" fontId="15" fillId="4" borderId="71" xfId="0" applyFont="1" applyFill="1" applyBorder="1" applyAlignment="1">
      <alignment horizontal="center" vertical="center" wrapText="1"/>
    </xf>
    <xf numFmtId="0" fontId="15" fillId="4" borderId="72" xfId="0" applyFont="1" applyFill="1" applyBorder="1" applyAlignment="1">
      <alignment horizontal="center" vertical="center" wrapText="1"/>
    </xf>
    <xf numFmtId="0" fontId="22" fillId="14" borderId="73" xfId="0" applyFont="1" applyFill="1" applyBorder="1" applyAlignment="1">
      <alignment horizontal="center" vertical="center"/>
    </xf>
    <xf numFmtId="0" fontId="1" fillId="4" borderId="0" xfId="0" applyFont="1" applyFill="1" applyAlignment="1">
      <alignment wrapText="1"/>
    </xf>
    <xf numFmtId="0" fontId="24" fillId="12" borderId="74" xfId="0" applyFont="1" applyFill="1" applyBorder="1" applyAlignment="1">
      <alignment horizontal="center" vertical="center"/>
    </xf>
    <xf numFmtId="0" fontId="24" fillId="3" borderId="74" xfId="0" applyFont="1" applyFill="1" applyBorder="1" applyAlignment="1">
      <alignment horizontal="center" vertical="center"/>
    </xf>
    <xf numFmtId="0" fontId="24" fillId="7" borderId="75" xfId="0" applyFont="1" applyFill="1" applyBorder="1" applyAlignment="1">
      <alignment horizontal="center" vertical="center"/>
    </xf>
    <xf numFmtId="0" fontId="24" fillId="12" borderId="100" xfId="0" applyFont="1" applyFill="1" applyBorder="1" applyAlignment="1">
      <alignment horizontal="center" vertical="center"/>
    </xf>
    <xf numFmtId="0" fontId="26" fillId="12" borderId="76" xfId="0" applyFont="1" applyFill="1" applyBorder="1" applyAlignment="1">
      <alignment horizontal="center" vertical="center" wrapText="1"/>
    </xf>
    <xf numFmtId="0" fontId="26" fillId="12" borderId="77" xfId="0" applyFont="1" applyFill="1" applyBorder="1" applyAlignment="1">
      <alignment horizontal="center" vertical="center" wrapText="1"/>
    </xf>
    <xf numFmtId="0" fontId="27" fillId="13" borderId="77" xfId="0" applyFont="1" applyFill="1" applyBorder="1" applyAlignment="1">
      <alignment horizontal="center" vertical="center" wrapText="1"/>
    </xf>
    <xf numFmtId="0" fontId="22" fillId="8" borderId="77" xfId="0" applyFont="1" applyFill="1" applyBorder="1" applyAlignment="1">
      <alignment horizontal="center" vertical="center" wrapText="1"/>
    </xf>
    <xf numFmtId="0" fontId="23" fillId="15" borderId="78" xfId="0" applyFont="1" applyFill="1" applyBorder="1" applyAlignment="1">
      <alignment horizontal="center" vertical="center" wrapText="1"/>
    </xf>
    <xf numFmtId="0" fontId="24" fillId="3" borderId="99" xfId="0" applyFont="1" applyFill="1" applyBorder="1" applyAlignment="1">
      <alignment horizontal="center" vertical="center"/>
    </xf>
    <xf numFmtId="0" fontId="28" fillId="3" borderId="49" xfId="0" applyFont="1" applyFill="1" applyBorder="1" applyAlignment="1">
      <alignment horizontal="center" vertical="center" wrapText="1"/>
    </xf>
    <xf numFmtId="0" fontId="26" fillId="12" borderId="55" xfId="0" applyFont="1" applyFill="1" applyBorder="1" applyAlignment="1">
      <alignment horizontal="center" vertical="center" wrapText="1"/>
    </xf>
    <xf numFmtId="0" fontId="27" fillId="13" borderId="55" xfId="0" applyFont="1" applyFill="1" applyBorder="1" applyAlignment="1">
      <alignment horizontal="center" vertical="center" wrapText="1"/>
    </xf>
    <xf numFmtId="0" fontId="22" fillId="8" borderId="55" xfId="0" applyFont="1" applyFill="1" applyBorder="1" applyAlignment="1">
      <alignment horizontal="center" vertical="center" wrapText="1"/>
    </xf>
    <xf numFmtId="0" fontId="22" fillId="8" borderId="80" xfId="0" applyFont="1" applyFill="1" applyBorder="1" applyAlignment="1">
      <alignment horizontal="center" vertical="center" wrapText="1"/>
    </xf>
    <xf numFmtId="0" fontId="27" fillId="13" borderId="80" xfId="0" applyFont="1" applyFill="1" applyBorder="1" applyAlignment="1">
      <alignment horizontal="center" vertical="center" wrapText="1"/>
    </xf>
    <xf numFmtId="0" fontId="29" fillId="7" borderId="49" xfId="0" applyFont="1" applyFill="1" applyBorder="1" applyAlignment="1">
      <alignment horizontal="center" vertical="center" wrapText="1"/>
    </xf>
    <xf numFmtId="0" fontId="28" fillId="3" borderId="55" xfId="0" applyFont="1" applyFill="1" applyBorder="1" applyAlignment="1">
      <alignment horizontal="center" vertical="center" wrapText="1"/>
    </xf>
    <xf numFmtId="0" fontId="26" fillId="12" borderId="80" xfId="0" applyFont="1" applyFill="1" applyBorder="1" applyAlignment="1">
      <alignment horizontal="center" vertical="center" wrapText="1"/>
    </xf>
    <xf numFmtId="0" fontId="12" fillId="4" borderId="0" xfId="0" applyFont="1" applyFill="1" applyAlignment="1">
      <alignment horizontal="right"/>
    </xf>
    <xf numFmtId="0" fontId="29" fillId="7" borderId="81" xfId="0" applyFont="1" applyFill="1" applyBorder="1" applyAlignment="1">
      <alignment horizontal="center" vertical="center" wrapText="1"/>
    </xf>
    <xf numFmtId="0" fontId="29" fillId="7" borderId="82" xfId="0" applyFont="1" applyFill="1" applyBorder="1" applyAlignment="1">
      <alignment horizontal="center" vertical="center" wrapText="1"/>
    </xf>
    <xf numFmtId="0" fontId="28" fillId="3" borderId="82" xfId="0" applyFont="1" applyFill="1" applyBorder="1" applyAlignment="1">
      <alignment horizontal="center" vertical="center" wrapText="1"/>
    </xf>
    <xf numFmtId="0" fontId="26" fillId="12" borderId="83" xfId="0" applyFont="1" applyFill="1" applyBorder="1" applyAlignment="1">
      <alignment horizontal="center" vertical="center" wrapText="1"/>
    </xf>
    <xf numFmtId="0" fontId="12" fillId="5" borderId="24" xfId="0" applyFont="1" applyFill="1" applyBorder="1" applyAlignment="1">
      <alignment horizontal="center" vertical="center"/>
    </xf>
    <xf numFmtId="0" fontId="1" fillId="4" borderId="84" xfId="0" applyFont="1" applyFill="1" applyBorder="1" applyAlignment="1">
      <alignment vertical="center"/>
    </xf>
    <xf numFmtId="1" fontId="10" fillId="11" borderId="12" xfId="0" applyNumberFormat="1" applyFont="1" applyFill="1" applyBorder="1" applyAlignment="1">
      <alignment horizontal="left" vertical="center" textRotation="90" wrapText="1"/>
    </xf>
    <xf numFmtId="0" fontId="8" fillId="0" borderId="0" xfId="0" applyFont="1" applyAlignment="1">
      <alignment horizontal="left" vertical="center"/>
    </xf>
    <xf numFmtId="0" fontId="1" fillId="27" borderId="85" xfId="0" applyFont="1" applyFill="1" applyBorder="1" applyAlignment="1" applyProtection="1">
      <alignment horizontal="left" vertical="center" wrapText="1"/>
    </xf>
    <xf numFmtId="0" fontId="1" fillId="10" borderId="85" xfId="0" applyNumberFormat="1" applyFont="1" applyFill="1" applyBorder="1" applyAlignment="1">
      <alignment horizontal="left" vertical="center" wrapText="1"/>
    </xf>
    <xf numFmtId="0" fontId="1" fillId="27" borderId="85" xfId="0" applyFont="1" applyFill="1" applyBorder="1" applyAlignment="1" applyProtection="1">
      <alignment horizontal="left" vertical="center" wrapText="1"/>
    </xf>
    <xf numFmtId="0" fontId="16" fillId="7" borderId="38" xfId="0" applyFont="1" applyFill="1" applyBorder="1" applyAlignment="1">
      <alignment horizontal="center" vertical="center" wrapText="1"/>
    </xf>
    <xf numFmtId="0" fontId="16" fillId="3" borderId="52" xfId="0" applyFont="1" applyFill="1" applyBorder="1" applyAlignment="1">
      <alignment horizontal="center" vertical="center" wrapText="1"/>
    </xf>
    <xf numFmtId="0" fontId="16" fillId="12" borderId="52" xfId="0" applyFont="1" applyFill="1" applyBorder="1" applyAlignment="1">
      <alignment horizontal="center" vertical="center" wrapText="1"/>
    </xf>
    <xf numFmtId="0" fontId="16" fillId="13" borderId="52" xfId="0" applyFont="1" applyFill="1" applyBorder="1" applyAlignment="1">
      <alignment horizontal="center" vertical="center" wrapText="1"/>
    </xf>
    <xf numFmtId="0" fontId="1" fillId="4" borderId="0" xfId="0" applyFont="1" applyFill="1"/>
    <xf numFmtId="0" fontId="8" fillId="0" borderId="0" xfId="0" applyFont="1" applyAlignment="1"/>
    <xf numFmtId="0" fontId="17" fillId="5" borderId="102" xfId="0" applyFont="1" applyFill="1" applyBorder="1" applyAlignment="1">
      <alignment horizontal="center" vertical="center"/>
    </xf>
    <xf numFmtId="0" fontId="19" fillId="5" borderId="103" xfId="0" applyFont="1" applyFill="1" applyBorder="1" applyAlignment="1">
      <alignment horizontal="center" vertical="center"/>
    </xf>
    <xf numFmtId="0" fontId="20" fillId="5" borderId="103" xfId="0" applyFont="1" applyFill="1" applyBorder="1" applyAlignment="1">
      <alignment horizontal="center" vertical="center"/>
    </xf>
    <xf numFmtId="0" fontId="8" fillId="2" borderId="104" xfId="0" applyFont="1" applyFill="1" applyBorder="1" applyAlignment="1">
      <alignment horizontal="center" vertical="center"/>
    </xf>
    <xf numFmtId="0" fontId="8" fillId="2" borderId="105" xfId="0" applyFont="1" applyFill="1" applyBorder="1" applyAlignment="1">
      <alignment horizontal="center" vertical="center"/>
    </xf>
    <xf numFmtId="0" fontId="19" fillId="5" borderId="106" xfId="0" applyFont="1" applyFill="1" applyBorder="1" applyAlignment="1">
      <alignment horizontal="center" vertical="center"/>
    </xf>
    <xf numFmtId="0" fontId="18" fillId="5" borderId="106" xfId="0" applyFont="1" applyFill="1" applyBorder="1" applyAlignment="1">
      <alignment horizontal="center" vertical="center"/>
    </xf>
    <xf numFmtId="0" fontId="17" fillId="5" borderId="107" xfId="0" applyFont="1" applyFill="1" applyBorder="1" applyAlignment="1">
      <alignment horizontal="center" vertical="center"/>
    </xf>
    <xf numFmtId="0" fontId="18" fillId="5" borderId="108" xfId="0" applyFont="1" applyFill="1" applyBorder="1" applyAlignment="1">
      <alignment horizontal="center" vertical="center"/>
    </xf>
    <xf numFmtId="0" fontId="17" fillId="5" borderId="109" xfId="0" applyFont="1" applyFill="1" applyBorder="1" applyAlignment="1">
      <alignment horizontal="center" vertical="center"/>
    </xf>
    <xf numFmtId="0" fontId="18" fillId="5" borderId="110" xfId="0" applyFont="1" applyFill="1" applyBorder="1" applyAlignment="1">
      <alignment horizontal="center" vertical="center"/>
    </xf>
    <xf numFmtId="0" fontId="20" fillId="5" borderId="111" xfId="0" applyFont="1" applyFill="1" applyBorder="1" applyAlignment="1">
      <alignment horizontal="center" vertical="center"/>
    </xf>
    <xf numFmtId="0" fontId="19" fillId="5" borderId="112" xfId="0" applyFont="1" applyFill="1" applyBorder="1" applyAlignment="1">
      <alignment horizontal="center" vertical="center"/>
    </xf>
    <xf numFmtId="0" fontId="20" fillId="5" borderId="112" xfId="0" applyFont="1" applyFill="1" applyBorder="1" applyAlignment="1">
      <alignment horizontal="center" vertical="center"/>
    </xf>
    <xf numFmtId="0" fontId="21" fillId="5" borderId="113" xfId="0" applyFont="1" applyFill="1" applyBorder="1" applyAlignment="1">
      <alignment horizontal="center" vertical="center"/>
    </xf>
    <xf numFmtId="0" fontId="16" fillId="14" borderId="115" xfId="0" applyFont="1" applyFill="1" applyBorder="1" applyAlignment="1">
      <alignment horizontal="center" vertical="center" wrapText="1"/>
    </xf>
    <xf numFmtId="0" fontId="5" fillId="15" borderId="114" xfId="0" applyFont="1" applyFill="1" applyBorder="1" applyAlignment="1">
      <alignment horizontal="center" vertical="center"/>
    </xf>
    <xf numFmtId="0" fontId="21" fillId="5" borderId="117" xfId="0" applyFont="1" applyFill="1" applyBorder="1" applyAlignment="1">
      <alignment horizontal="center" vertical="center"/>
    </xf>
    <xf numFmtId="0" fontId="30" fillId="5" borderId="116" xfId="0" applyFont="1" applyFill="1" applyBorder="1" applyAlignment="1">
      <alignment horizontal="center" vertical="center"/>
    </xf>
    <xf numFmtId="0" fontId="15" fillId="4" borderId="118" xfId="0" applyFont="1" applyFill="1" applyBorder="1" applyAlignment="1">
      <alignment horizontal="center" vertical="center" wrapText="1"/>
    </xf>
    <xf numFmtId="0" fontId="15" fillId="4" borderId="119" xfId="0" applyFont="1" applyFill="1" applyBorder="1" applyAlignment="1">
      <alignment horizontal="center" vertical="center" wrapText="1"/>
    </xf>
    <xf numFmtId="0" fontId="1" fillId="0" borderId="81" xfId="0" applyFont="1" applyBorder="1"/>
    <xf numFmtId="0" fontId="15" fillId="4" borderId="120" xfId="0" applyFont="1" applyFill="1" applyBorder="1" applyAlignment="1">
      <alignment horizontal="center" vertical="center" wrapText="1"/>
    </xf>
    <xf numFmtId="0" fontId="1" fillId="0" borderId="119" xfId="0" applyFont="1" applyBorder="1" applyAlignment="1">
      <alignment wrapText="1"/>
    </xf>
    <xf numFmtId="0" fontId="1" fillId="0" borderId="121" xfId="0" applyFont="1" applyBorder="1" applyAlignment="1">
      <alignment wrapText="1"/>
    </xf>
    <xf numFmtId="0" fontId="16" fillId="7" borderId="38" xfId="0" applyFont="1" applyFill="1" applyBorder="1" applyAlignment="1">
      <alignment horizontal="left" vertical="center" wrapText="1"/>
    </xf>
    <xf numFmtId="0" fontId="16" fillId="3" borderId="52" xfId="0" applyFont="1" applyFill="1" applyBorder="1" applyAlignment="1">
      <alignment horizontal="left" vertical="center" wrapText="1"/>
    </xf>
    <xf numFmtId="0" fontId="16" fillId="12" borderId="52" xfId="0" applyFont="1" applyFill="1" applyBorder="1" applyAlignment="1">
      <alignment horizontal="left" vertical="center" wrapText="1"/>
    </xf>
    <xf numFmtId="0" fontId="16" fillId="13" borderId="52" xfId="0" applyFont="1" applyFill="1" applyBorder="1" applyAlignment="1">
      <alignment horizontal="left" vertical="center" wrapText="1"/>
    </xf>
    <xf numFmtId="0" fontId="16" fillId="14" borderId="67" xfId="0" applyFont="1" applyFill="1" applyBorder="1" applyAlignment="1">
      <alignment horizontal="left" vertical="center" wrapText="1"/>
    </xf>
    <xf numFmtId="0" fontId="5" fillId="15" borderId="114" xfId="0" applyFont="1" applyFill="1" applyBorder="1" applyAlignment="1">
      <alignment horizontal="left" vertical="center"/>
    </xf>
    <xf numFmtId="0" fontId="3" fillId="21" borderId="85" xfId="0" applyFont="1" applyFill="1" applyBorder="1" applyAlignment="1" applyProtection="1">
      <alignment horizontal="center" vertical="center" wrapText="1"/>
    </xf>
    <xf numFmtId="0" fontId="1" fillId="5" borderId="85" xfId="0" applyFont="1" applyFill="1" applyBorder="1" applyAlignment="1" applyProtection="1">
      <alignment vertical="center" wrapText="1"/>
      <protection locked="0"/>
    </xf>
    <xf numFmtId="0" fontId="3" fillId="20" borderId="85" xfId="0" applyFont="1" applyFill="1" applyBorder="1" applyAlignment="1">
      <alignment horizontal="center" vertical="center" wrapText="1"/>
    </xf>
    <xf numFmtId="0" fontId="1" fillId="5" borderId="85" xfId="0" applyFont="1" applyFill="1" applyBorder="1" applyAlignment="1" applyProtection="1">
      <alignment horizontal="left" vertical="center" wrapText="1"/>
      <protection locked="0"/>
    </xf>
    <xf numFmtId="0" fontId="1" fillId="5" borderId="85" xfId="0" applyFont="1" applyFill="1" applyBorder="1" applyAlignment="1" applyProtection="1">
      <alignment vertical="center" wrapText="1"/>
      <protection locked="0"/>
    </xf>
    <xf numFmtId="0" fontId="1" fillId="0" borderId="85" xfId="0" applyFont="1" applyBorder="1" applyProtection="1">
      <protection locked="0"/>
    </xf>
    <xf numFmtId="0" fontId="1" fillId="5" borderId="96" xfId="0" applyFont="1" applyFill="1" applyBorder="1" applyAlignment="1" applyProtection="1">
      <alignment horizontal="left" vertical="center" wrapText="1"/>
      <protection locked="0"/>
    </xf>
    <xf numFmtId="0" fontId="1" fillId="5" borderId="98" xfId="0" applyFont="1" applyFill="1" applyBorder="1" applyAlignment="1" applyProtection="1">
      <alignment horizontal="left" vertical="center" wrapText="1"/>
      <protection locked="0"/>
    </xf>
    <xf numFmtId="0" fontId="3" fillId="18" borderId="97" xfId="0" applyFont="1" applyFill="1" applyBorder="1" applyAlignment="1">
      <alignment horizontal="center" vertical="center" wrapText="1"/>
    </xf>
    <xf numFmtId="0" fontId="3" fillId="18" borderId="85" xfId="0" applyFont="1" applyFill="1" applyBorder="1"/>
    <xf numFmtId="0" fontId="1" fillId="0" borderId="85" xfId="0" applyFont="1" applyFill="1" applyBorder="1" applyAlignment="1" applyProtection="1">
      <alignment horizontal="left" vertical="center" wrapText="1"/>
    </xf>
    <xf numFmtId="0" fontId="2" fillId="28" borderId="85" xfId="0" applyFont="1" applyFill="1" applyBorder="1" applyAlignment="1">
      <alignment horizontal="center" vertical="center" wrapText="1"/>
    </xf>
    <xf numFmtId="0" fontId="2" fillId="22" borderId="85" xfId="0" applyFont="1" applyFill="1" applyBorder="1" applyAlignment="1">
      <alignment horizontal="center" vertical="center" wrapText="1"/>
    </xf>
    <xf numFmtId="0" fontId="1" fillId="0" borderId="85" xfId="0" applyFont="1" applyFill="1" applyBorder="1" applyAlignment="1" applyProtection="1">
      <alignment horizontal="left" vertical="top" wrapText="1"/>
      <protection locked="0"/>
    </xf>
    <xf numFmtId="0" fontId="1" fillId="0" borderId="85" xfId="0" applyFont="1" applyFill="1" applyBorder="1" applyProtection="1">
      <protection locked="0"/>
    </xf>
    <xf numFmtId="0" fontId="2" fillId="24" borderId="85" xfId="0" applyFont="1" applyFill="1" applyBorder="1" applyAlignment="1">
      <alignment horizontal="center" vertical="center" wrapText="1"/>
    </xf>
    <xf numFmtId="0" fontId="1" fillId="5" borderId="85" xfId="0" applyFont="1" applyFill="1" applyBorder="1" applyAlignment="1" applyProtection="1">
      <alignment horizontal="center" vertical="center" wrapText="1"/>
      <protection locked="0"/>
    </xf>
    <xf numFmtId="0" fontId="3" fillId="20" borderId="88" xfId="0" applyFont="1" applyFill="1" applyBorder="1" applyAlignment="1">
      <alignment horizontal="center" vertical="center" wrapText="1"/>
    </xf>
    <xf numFmtId="0" fontId="3" fillId="19" borderId="89" xfId="0" applyFont="1" applyFill="1" applyBorder="1"/>
    <xf numFmtId="0" fontId="3" fillId="19" borderId="90" xfId="0" applyFont="1" applyFill="1" applyBorder="1"/>
    <xf numFmtId="0" fontId="3" fillId="18" borderId="85" xfId="0" applyFont="1" applyFill="1" applyBorder="1" applyAlignment="1">
      <alignment horizontal="center" vertical="center" wrapText="1"/>
    </xf>
    <xf numFmtId="0" fontId="3" fillId="19" borderId="85" xfId="0" applyFont="1" applyFill="1" applyBorder="1"/>
    <xf numFmtId="0" fontId="3" fillId="21" borderId="96" xfId="0" applyFont="1" applyFill="1" applyBorder="1" applyAlignment="1" applyProtection="1">
      <alignment horizontal="center" vertical="center" wrapText="1"/>
    </xf>
    <xf numFmtId="0" fontId="3" fillId="21" borderId="98" xfId="0" applyFont="1" applyFill="1" applyBorder="1" applyAlignment="1" applyProtection="1">
      <alignment horizontal="center" vertical="center" wrapText="1"/>
    </xf>
    <xf numFmtId="0" fontId="3" fillId="21" borderId="97" xfId="0" applyFont="1" applyFill="1" applyBorder="1" applyAlignment="1" applyProtection="1">
      <alignment horizontal="center" vertical="center" wrapText="1"/>
    </xf>
    <xf numFmtId="0" fontId="3" fillId="21" borderId="85" xfId="0" applyFont="1" applyFill="1" applyBorder="1" applyAlignment="1" applyProtection="1">
      <alignment horizontal="center" vertical="center" wrapText="1"/>
    </xf>
    <xf numFmtId="0" fontId="3" fillId="21" borderId="85" xfId="0" applyFont="1" applyFill="1" applyBorder="1" applyAlignment="1" applyProtection="1">
      <alignment horizontal="center" wrapText="1"/>
    </xf>
    <xf numFmtId="0" fontId="3" fillId="21" borderId="94" xfId="0" applyFont="1" applyFill="1" applyBorder="1" applyAlignment="1" applyProtection="1">
      <alignment horizontal="center" vertical="center" wrapText="1"/>
    </xf>
    <xf numFmtId="0" fontId="3" fillId="21" borderId="86" xfId="0" applyFont="1" applyFill="1" applyBorder="1" applyAlignment="1" applyProtection="1">
      <alignment horizontal="center" vertical="center" wrapText="1"/>
    </xf>
    <xf numFmtId="0" fontId="3" fillId="21" borderId="95" xfId="0" applyFont="1" applyFill="1" applyBorder="1" applyAlignment="1" applyProtection="1">
      <alignment horizontal="center" vertical="center" wrapText="1"/>
    </xf>
    <xf numFmtId="0" fontId="2" fillId="26" borderId="85" xfId="0" applyFont="1" applyFill="1" applyBorder="1" applyAlignment="1" applyProtection="1">
      <alignment horizontal="center" vertical="center" wrapText="1"/>
    </xf>
    <xf numFmtId="0" fontId="3" fillId="21" borderId="96" xfId="0" applyFont="1" applyFill="1" applyBorder="1" applyAlignment="1">
      <alignment horizontal="center" vertical="center" wrapText="1"/>
    </xf>
    <xf numFmtId="0" fontId="3" fillId="21" borderId="97" xfId="0" applyFont="1" applyFill="1" applyBorder="1" applyAlignment="1">
      <alignment horizontal="center" vertical="center" wrapText="1"/>
    </xf>
    <xf numFmtId="14" fontId="1" fillId="0" borderId="85" xfId="0" applyNumberFormat="1" applyFont="1" applyFill="1" applyBorder="1" applyAlignment="1" applyProtection="1">
      <alignment horizontal="left" vertical="center" wrapText="1"/>
    </xf>
    <xf numFmtId="0" fontId="3" fillId="21" borderId="96" xfId="0" applyFont="1" applyFill="1" applyBorder="1" applyAlignment="1">
      <alignment horizontal="right" vertical="center"/>
    </xf>
    <xf numFmtId="0" fontId="3" fillId="21" borderId="98" xfId="0" applyFont="1" applyFill="1" applyBorder="1" applyAlignment="1">
      <alignment horizontal="right" vertical="center"/>
    </xf>
    <xf numFmtId="0" fontId="3" fillId="21" borderId="98" xfId="0" applyFont="1" applyFill="1" applyBorder="1" applyAlignment="1">
      <alignment horizontal="left" vertical="center"/>
    </xf>
    <xf numFmtId="0" fontId="3" fillId="21" borderId="97" xfId="0" applyFont="1" applyFill="1" applyBorder="1" applyAlignment="1">
      <alignment horizontal="left" vertical="center"/>
    </xf>
    <xf numFmtId="0" fontId="3" fillId="21" borderId="85" xfId="0" applyFont="1" applyFill="1" applyBorder="1" applyAlignment="1">
      <alignment horizontal="center" vertical="center" wrapText="1"/>
    </xf>
    <xf numFmtId="0" fontId="5" fillId="21" borderId="85" xfId="0" applyFont="1" applyFill="1" applyBorder="1"/>
    <xf numFmtId="0" fontId="4" fillId="21" borderId="85" xfId="0" applyFont="1" applyFill="1" applyBorder="1" applyAlignment="1">
      <alignment horizontal="center" vertical="center" wrapText="1"/>
    </xf>
    <xf numFmtId="0" fontId="4" fillId="21" borderId="85" xfId="0" applyFont="1" applyFill="1" applyBorder="1" applyAlignment="1">
      <alignment horizontal="left" vertical="center" wrapText="1"/>
    </xf>
    <xf numFmtId="0" fontId="5" fillId="21" borderId="85" xfId="0" applyFont="1" applyFill="1" applyBorder="1" applyAlignment="1">
      <alignment horizontal="left" wrapText="1"/>
    </xf>
    <xf numFmtId="0" fontId="3" fillId="21" borderId="94" xfId="0" applyFont="1" applyFill="1" applyBorder="1" applyAlignment="1">
      <alignment horizontal="center" vertical="center"/>
    </xf>
    <xf numFmtId="0" fontId="3" fillId="21" borderId="86" xfId="0" applyFont="1" applyFill="1" applyBorder="1" applyAlignment="1">
      <alignment horizontal="center" vertical="center"/>
    </xf>
    <xf numFmtId="0" fontId="3" fillId="21" borderId="95" xfId="0" applyFont="1" applyFill="1" applyBorder="1" applyAlignment="1">
      <alignment horizontal="center" vertical="center"/>
    </xf>
    <xf numFmtId="0" fontId="16" fillId="12" borderId="52" xfId="0" applyFont="1" applyFill="1" applyBorder="1" applyAlignment="1">
      <alignment horizontal="left" vertical="center" wrapText="1"/>
    </xf>
    <xf numFmtId="0" fontId="1" fillId="0" borderId="50" xfId="0" applyFont="1" applyBorder="1" applyAlignment="1">
      <alignment horizontal="left"/>
    </xf>
    <xf numFmtId="0" fontId="1" fillId="0" borderId="51" xfId="0" applyFont="1" applyBorder="1" applyAlignment="1">
      <alignment horizontal="left"/>
    </xf>
    <xf numFmtId="0" fontId="16" fillId="7" borderId="38" xfId="0" applyFont="1" applyFill="1" applyBorder="1" applyAlignment="1">
      <alignment horizontal="left" vertical="center" wrapText="1"/>
    </xf>
    <xf numFmtId="0" fontId="1" fillId="0" borderId="68" xfId="0" applyFont="1" applyBorder="1" applyAlignment="1">
      <alignment horizontal="left"/>
    </xf>
    <xf numFmtId="0" fontId="1" fillId="0" borderId="69" xfId="0" applyFont="1" applyBorder="1" applyAlignment="1">
      <alignment horizontal="left"/>
    </xf>
    <xf numFmtId="0" fontId="16" fillId="3" borderId="52" xfId="0" applyFont="1" applyFill="1" applyBorder="1" applyAlignment="1">
      <alignment horizontal="left" vertical="center" wrapText="1"/>
    </xf>
    <xf numFmtId="0" fontId="15" fillId="4" borderId="48" xfId="0" applyFont="1" applyFill="1" applyBorder="1" applyAlignment="1">
      <alignment horizontal="center" vertical="center" wrapText="1"/>
    </xf>
    <xf numFmtId="0" fontId="1" fillId="0" borderId="50" xfId="0" applyFont="1" applyBorder="1"/>
    <xf numFmtId="0" fontId="1" fillId="0" borderId="51" xfId="0" applyFont="1" applyBorder="1"/>
    <xf numFmtId="0" fontId="15" fillId="4" borderId="63" xfId="0" applyFont="1" applyFill="1" applyBorder="1" applyAlignment="1">
      <alignment horizontal="center" vertical="center" wrapText="1"/>
    </xf>
    <xf numFmtId="0" fontId="1" fillId="0" borderId="65" xfId="0" applyFont="1" applyBorder="1"/>
    <xf numFmtId="0" fontId="1" fillId="0" borderId="66" xfId="0" applyFont="1" applyBorder="1"/>
    <xf numFmtId="0" fontId="13" fillId="6" borderId="16" xfId="0" applyFont="1" applyFill="1" applyBorder="1" applyAlignment="1">
      <alignment horizontal="center" vertical="center"/>
    </xf>
    <xf numFmtId="0" fontId="1" fillId="0" borderId="17" xfId="0" applyFont="1" applyBorder="1"/>
    <xf numFmtId="0" fontId="1" fillId="0" borderId="18" xfId="0" applyFont="1" applyBorder="1"/>
    <xf numFmtId="0" fontId="14" fillId="10" borderId="16" xfId="0" applyFont="1" applyFill="1" applyBorder="1" applyAlignment="1">
      <alignment horizontal="center" vertical="center" wrapText="1"/>
    </xf>
    <xf numFmtId="0" fontId="12" fillId="10" borderId="16" xfId="0" applyFont="1" applyFill="1" applyBorder="1" applyAlignment="1">
      <alignment horizontal="center" vertical="center"/>
    </xf>
    <xf numFmtId="0" fontId="15" fillId="4" borderId="34" xfId="0" applyFont="1" applyFill="1" applyBorder="1" applyAlignment="1">
      <alignment horizontal="center" vertical="center" wrapText="1"/>
    </xf>
    <xf numFmtId="0" fontId="1" fillId="0" borderId="36" xfId="0" applyFont="1" applyBorder="1" applyAlignment="1">
      <alignment wrapText="1"/>
    </xf>
    <xf numFmtId="0" fontId="1" fillId="0" borderId="37" xfId="0" applyFont="1" applyBorder="1" applyAlignment="1">
      <alignment wrapText="1"/>
    </xf>
    <xf numFmtId="0" fontId="15" fillId="4" borderId="36" xfId="0" applyFont="1" applyFill="1" applyBorder="1" applyAlignment="1">
      <alignment horizontal="center" vertical="center" wrapText="1"/>
    </xf>
    <xf numFmtId="0" fontId="1" fillId="0" borderId="35" xfId="0" applyFont="1" applyBorder="1"/>
    <xf numFmtId="0" fontId="1" fillId="0" borderId="49" xfId="0" applyFont="1" applyBorder="1"/>
    <xf numFmtId="0" fontId="1" fillId="0" borderId="64" xfId="0" applyFont="1" applyBorder="1"/>
    <xf numFmtId="1" fontId="11" fillId="4" borderId="7" xfId="0" applyNumberFormat="1" applyFont="1" applyFill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/>
    </xf>
    <xf numFmtId="1" fontId="11" fillId="4" borderId="11" xfId="0" applyNumberFormat="1" applyFont="1" applyFill="1" applyBorder="1" applyAlignment="1">
      <alignment horizontal="left" vertical="center" wrapText="1"/>
    </xf>
    <xf numFmtId="0" fontId="11" fillId="4" borderId="0" xfId="0" applyFont="1" applyFill="1" applyAlignment="1">
      <alignment horizontal="left" vertical="center" wrapText="1"/>
    </xf>
    <xf numFmtId="0" fontId="8" fillId="0" borderId="0" xfId="0" applyFont="1" applyAlignment="1">
      <alignment horizontal="left" vertical="center"/>
    </xf>
    <xf numFmtId="0" fontId="13" fillId="6" borderId="13" xfId="0" applyFont="1" applyFill="1" applyBorder="1" applyAlignment="1">
      <alignment horizontal="center" vertical="center" wrapText="1"/>
    </xf>
    <xf numFmtId="0" fontId="1" fillId="0" borderId="14" xfId="0" applyFont="1" applyBorder="1"/>
    <xf numFmtId="0" fontId="1" fillId="0" borderId="15" xfId="0" applyFont="1" applyBorder="1"/>
    <xf numFmtId="0" fontId="14" fillId="10" borderId="19" xfId="0" applyFont="1" applyFill="1" applyBorder="1" applyAlignment="1">
      <alignment horizontal="center" vertical="center" wrapText="1"/>
    </xf>
    <xf numFmtId="0" fontId="1" fillId="0" borderId="25" xfId="0" applyFont="1" applyBorder="1"/>
    <xf numFmtId="0" fontId="1" fillId="0" borderId="36" xfId="0" applyFont="1" applyBorder="1"/>
    <xf numFmtId="0" fontId="1" fillId="0" borderId="37" xfId="0" applyFont="1" applyBorder="1"/>
    <xf numFmtId="0" fontId="23" fillId="3" borderId="16" xfId="0" applyFont="1" applyFill="1" applyBorder="1" applyAlignment="1">
      <alignment horizontal="center" vertical="center" wrapText="1"/>
    </xf>
    <xf numFmtId="0" fontId="1" fillId="4" borderId="50" xfId="0" applyFont="1" applyFill="1" applyBorder="1" applyAlignment="1">
      <alignment horizontal="center" vertical="center"/>
    </xf>
    <xf numFmtId="0" fontId="1" fillId="0" borderId="50" xfId="0" applyFont="1" applyBorder="1" applyAlignment="1">
      <alignment wrapText="1"/>
    </xf>
    <xf numFmtId="0" fontId="1" fillId="0" borderId="51" xfId="0" applyFont="1" applyBorder="1" applyAlignment="1">
      <alignment wrapText="1"/>
    </xf>
    <xf numFmtId="0" fontId="15" fillId="4" borderId="65" xfId="0" applyFont="1" applyFill="1" applyBorder="1" applyAlignment="1">
      <alignment horizontal="center" vertical="center" wrapText="1"/>
    </xf>
    <xf numFmtId="0" fontId="1" fillId="0" borderId="65" xfId="0" applyFont="1" applyBorder="1" applyAlignment="1">
      <alignment wrapText="1"/>
    </xf>
    <xf numFmtId="0" fontId="1" fillId="0" borderId="66" xfId="0" applyFont="1" applyBorder="1" applyAlignment="1">
      <alignment wrapText="1"/>
    </xf>
    <xf numFmtId="0" fontId="1" fillId="4" borderId="36" xfId="0" applyFont="1" applyFill="1" applyBorder="1" applyAlignment="1">
      <alignment horizontal="center" vertical="center"/>
    </xf>
    <xf numFmtId="0" fontId="23" fillId="7" borderId="16" xfId="0" applyFont="1" applyFill="1" applyBorder="1" applyAlignment="1">
      <alignment horizontal="center" vertical="center" wrapText="1"/>
    </xf>
    <xf numFmtId="0" fontId="15" fillId="4" borderId="50" xfId="0" applyFont="1" applyFill="1" applyBorder="1" applyAlignment="1">
      <alignment horizontal="center" vertical="center" wrapText="1"/>
    </xf>
    <xf numFmtId="0" fontId="16" fillId="13" borderId="52" xfId="0" applyFont="1" applyFill="1" applyBorder="1" applyAlignment="1">
      <alignment horizontal="left" vertical="center" wrapText="1"/>
    </xf>
    <xf numFmtId="0" fontId="16" fillId="14" borderId="67" xfId="0" applyFont="1" applyFill="1" applyBorder="1" applyAlignment="1">
      <alignment horizontal="left" vertical="center" wrapText="1"/>
    </xf>
    <xf numFmtId="0" fontId="1" fillId="0" borderId="65" xfId="0" applyFont="1" applyBorder="1" applyAlignment="1">
      <alignment horizontal="left"/>
    </xf>
    <xf numFmtId="0" fontId="1" fillId="0" borderId="66" xfId="0" applyFont="1" applyBorder="1" applyAlignment="1">
      <alignment horizontal="left"/>
    </xf>
    <xf numFmtId="0" fontId="13" fillId="6" borderId="19" xfId="0" applyFont="1" applyFill="1" applyBorder="1" applyAlignment="1">
      <alignment horizontal="center" vertical="center"/>
    </xf>
    <xf numFmtId="0" fontId="5" fillId="15" borderId="122" xfId="0" applyFont="1" applyFill="1" applyBorder="1" applyAlignment="1">
      <alignment horizontal="left" vertical="center"/>
    </xf>
    <xf numFmtId="0" fontId="5" fillId="15" borderId="123" xfId="0" applyFont="1" applyFill="1" applyBorder="1" applyAlignment="1">
      <alignment horizontal="left" vertical="center"/>
    </xf>
    <xf numFmtId="0" fontId="5" fillId="15" borderId="124" xfId="0" applyFont="1" applyFill="1" applyBorder="1" applyAlignment="1">
      <alignment horizontal="left" vertical="center"/>
    </xf>
    <xf numFmtId="0" fontId="12" fillId="10" borderId="17" xfId="0" applyFont="1" applyFill="1" applyBorder="1" applyAlignment="1">
      <alignment horizontal="center" vertical="center"/>
    </xf>
    <xf numFmtId="0" fontId="23" fillId="12" borderId="16" xfId="0" applyFont="1" applyFill="1" applyBorder="1" applyAlignment="1">
      <alignment horizontal="center" vertical="center" wrapText="1"/>
    </xf>
    <xf numFmtId="0" fontId="23" fillId="13" borderId="16" xfId="0" applyFont="1" applyFill="1" applyBorder="1" applyAlignment="1">
      <alignment horizontal="center" vertical="center" wrapText="1"/>
    </xf>
    <xf numFmtId="0" fontId="12" fillId="4" borderId="19" xfId="0" applyFont="1" applyFill="1" applyBorder="1" applyAlignment="1">
      <alignment horizontal="center" vertical="center" textRotation="90"/>
    </xf>
    <xf numFmtId="0" fontId="1" fillId="0" borderId="79" xfId="0" applyFont="1" applyBorder="1"/>
    <xf numFmtId="0" fontId="23" fillId="8" borderId="16" xfId="0" applyFont="1" applyFill="1" applyBorder="1" applyAlignment="1">
      <alignment horizontal="center" vertical="center" wrapText="1"/>
    </xf>
    <xf numFmtId="0" fontId="25" fillId="15" borderId="16" xfId="0" applyFont="1" applyFill="1" applyBorder="1" applyAlignment="1">
      <alignment horizontal="center" vertical="center" wrapText="1"/>
    </xf>
    <xf numFmtId="0" fontId="1" fillId="4" borderId="65" xfId="0" applyFont="1" applyFill="1" applyBorder="1" applyAlignment="1">
      <alignment horizontal="center" vertical="center"/>
    </xf>
    <xf numFmtId="0" fontId="12" fillId="4" borderId="16" xfId="0" applyFont="1" applyFill="1" applyBorder="1" applyAlignment="1">
      <alignment horizontal="center" vertical="center"/>
    </xf>
    <xf numFmtId="0" fontId="1" fillId="4" borderId="0" xfId="0" applyFont="1" applyFill="1"/>
    <xf numFmtId="0" fontId="8" fillId="0" borderId="0" xfId="0" applyFont="1" applyAlignment="1"/>
  </cellXfs>
  <cellStyles count="1">
    <cellStyle name="Normal" xfId="0" builtinId="0"/>
  </cellStyles>
  <dxfs count="50">
    <dxf>
      <font>
        <color rgb="FF5B0F00"/>
      </font>
      <fill>
        <patternFill>
          <bgColor rgb="FFEA4335"/>
        </patternFill>
      </fill>
    </dxf>
    <dxf>
      <font>
        <color rgb="FF786000"/>
      </font>
      <fill>
        <patternFill>
          <bgColor rgb="FFFF9900"/>
        </patternFill>
      </fill>
    </dxf>
    <dxf>
      <font>
        <color rgb="FF7F6000"/>
      </font>
      <fill>
        <patternFill>
          <bgColor rgb="FFFFFF66"/>
        </patternFill>
      </fill>
    </dxf>
    <dxf>
      <font>
        <color rgb="FF003434"/>
      </font>
      <fill>
        <patternFill>
          <bgColor rgb="FF8CDC64"/>
        </patternFill>
      </fill>
    </dxf>
    <dxf>
      <font>
        <color rgb="FF004646"/>
      </font>
      <fill>
        <patternFill>
          <bgColor rgb="FFBEF000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006100"/>
      </font>
      <fill>
        <patternFill>
          <bgColor rgb="FF8CDC64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D700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D700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D700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006100"/>
      </font>
      <fill>
        <patternFill>
          <bgColor rgb="FF8CDC64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9C6500"/>
      </font>
      <fill>
        <patternFill>
          <bgColor rgb="FFFFFF66"/>
        </patternFill>
      </fill>
    </dxf>
    <dxf>
      <font>
        <color rgb="FF7F6000"/>
      </font>
      <fill>
        <patternFill patternType="solid">
          <fgColor rgb="FFFFFF66"/>
          <bgColor rgb="FFFFFF66"/>
        </patternFill>
      </fill>
    </dxf>
    <dxf>
      <font>
        <color rgb="FF5B0F00"/>
      </font>
      <fill>
        <patternFill patternType="solid">
          <fgColor rgb="FFEA4335"/>
          <bgColor rgb="FFEA4335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FF66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660000"/>
      </font>
      <fill>
        <patternFill patternType="solid">
          <fgColor rgb="FFEA4335"/>
          <bgColor rgb="FFEA4335"/>
        </patternFill>
      </fill>
    </dxf>
    <dxf>
      <font>
        <color rgb="FF783F04"/>
      </font>
      <fill>
        <patternFill patternType="solid">
          <fgColor rgb="FFFEC063"/>
          <bgColor rgb="FFFEC063"/>
        </patternFill>
      </fill>
    </dxf>
    <dxf>
      <font>
        <color rgb="FF783F04"/>
      </font>
      <fill>
        <patternFill patternType="solid">
          <fgColor rgb="FFFFFF66"/>
          <bgColor rgb="FFFFFF66"/>
        </patternFill>
      </fill>
    </dxf>
    <dxf>
      <font>
        <color rgb="FF2A670B"/>
      </font>
      <fill>
        <patternFill patternType="solid">
          <fgColor rgb="FFA2E87F"/>
          <bgColor rgb="FFA2E87F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FF66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</dxfs>
  <tableStyles count="0" defaultTableStyle="TableStyleMedium2" defaultPivotStyle="PivotStyleLight16"/>
  <colors>
    <mruColors>
      <color rgb="FFD9D9D9"/>
      <color rgb="FF004646"/>
      <color rgb="FFBEF000"/>
      <color rgb="FF003434"/>
      <color rgb="FF8CDC64"/>
      <color rgb="FFFFFF66"/>
      <color rgb="FF7F6000"/>
      <color rgb="FFFF9900"/>
      <color rgb="FF786000"/>
      <color rgb="FFEA433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C7"/>
  <sheetViews>
    <sheetView showGridLines="0" zoomScaleNormal="100" workbookViewId="0">
      <selection activeCell="C26" sqref="C26"/>
    </sheetView>
  </sheetViews>
  <sheetFormatPr defaultColWidth="9.140625" defaultRowHeight="12.75"/>
  <cols>
    <col min="1" max="1" width="2.140625" style="82" customWidth="1"/>
    <col min="2" max="2" width="2" style="85" bestFit="1" customWidth="1"/>
    <col min="3" max="3" width="88" style="82" customWidth="1"/>
    <col min="4" max="16384" width="9.140625" style="82"/>
  </cols>
  <sheetData>
    <row r="2" spans="2:3" ht="12.75" customHeight="1">
      <c r="B2" s="207" t="s">
        <v>124</v>
      </c>
      <c r="C2" s="207"/>
    </row>
    <row r="3" spans="2:3" ht="14.25" customHeight="1">
      <c r="B3" s="84">
        <v>1</v>
      </c>
      <c r="C3" s="83" t="s">
        <v>128</v>
      </c>
    </row>
    <row r="4" spans="2:3" ht="15" customHeight="1">
      <c r="B4" s="84">
        <v>2</v>
      </c>
      <c r="C4" s="83" t="s">
        <v>127</v>
      </c>
    </row>
    <row r="5" spans="2:3">
      <c r="B5" s="84">
        <v>3</v>
      </c>
      <c r="C5" s="83" t="s">
        <v>129</v>
      </c>
    </row>
    <row r="6" spans="2:3" ht="25.5">
      <c r="B6" s="84">
        <v>4</v>
      </c>
      <c r="C6" s="83" t="s">
        <v>126</v>
      </c>
    </row>
    <row r="7" spans="2:3">
      <c r="B7" s="84">
        <v>5</v>
      </c>
      <c r="C7" s="83" t="s">
        <v>130</v>
      </c>
    </row>
  </sheetData>
  <mergeCells count="1">
    <mergeCell ref="B2:C2"/>
  </mergeCells>
  <pageMargins left="0.511811024" right="0.511811024" top="0.78740157499999996" bottom="0.78740157499999996" header="0.31496062000000002" footer="0.31496062000000002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Below="0"/>
  </sheetPr>
  <dimension ref="A1:H66"/>
  <sheetViews>
    <sheetView showGridLines="0" tabSelected="1" zoomScaleNormal="100" workbookViewId="0">
      <selection activeCell="D9" sqref="D9:E9"/>
    </sheetView>
  </sheetViews>
  <sheetFormatPr defaultColWidth="12.5703125" defaultRowHeight="12.75"/>
  <cols>
    <col min="1" max="1" width="1.7109375" style="9" customWidth="1"/>
    <col min="2" max="2" width="1.42578125" style="9" customWidth="1"/>
    <col min="3" max="3" width="21.28515625" style="33" bestFit="1" customWidth="1"/>
    <col min="4" max="4" width="38.7109375" style="9" customWidth="1"/>
    <col min="5" max="5" width="62.5703125" style="9" customWidth="1"/>
    <col min="6" max="6" width="32.7109375" style="9" hidden="1" customWidth="1"/>
    <col min="7" max="7" width="1.42578125" style="9" customWidth="1" collapsed="1"/>
    <col min="8" max="8" width="3.28515625" style="9" customWidth="1"/>
    <col min="9" max="16384" width="12.5703125" style="9"/>
  </cols>
  <sheetData>
    <row r="1" spans="1:8">
      <c r="A1" s="5"/>
      <c r="B1" s="5"/>
      <c r="C1" s="24"/>
      <c r="D1" s="5"/>
      <c r="E1" s="5"/>
      <c r="F1" s="5"/>
      <c r="G1" s="5"/>
      <c r="H1" s="5"/>
    </row>
    <row r="2" spans="1:8">
      <c r="A2" s="5"/>
      <c r="B2" s="222" t="s">
        <v>110</v>
      </c>
      <c r="C2" s="223"/>
      <c r="D2" s="223"/>
      <c r="E2" s="223"/>
      <c r="F2" s="223"/>
      <c r="G2" s="224"/>
      <c r="H2" s="5"/>
    </row>
    <row r="3" spans="1:8">
      <c r="A3" s="5"/>
      <c r="B3" s="25"/>
      <c r="C3" s="26"/>
      <c r="D3" s="27"/>
      <c r="E3" s="27"/>
      <c r="F3" s="28"/>
      <c r="G3" s="29"/>
      <c r="H3" s="5"/>
    </row>
    <row r="4" spans="1:8">
      <c r="A4" s="5"/>
      <c r="B4" s="6"/>
      <c r="C4" s="225" t="s">
        <v>80</v>
      </c>
      <c r="D4" s="226"/>
      <c r="E4" s="226"/>
      <c r="F4" s="7"/>
      <c r="G4" s="8"/>
      <c r="H4" s="5"/>
    </row>
    <row r="5" spans="1:8">
      <c r="A5" s="5"/>
      <c r="B5" s="6"/>
      <c r="C5" s="63" t="s">
        <v>80</v>
      </c>
      <c r="D5" s="211"/>
      <c r="E5" s="212"/>
      <c r="F5" s="7"/>
      <c r="G5" s="8"/>
      <c r="H5" s="5"/>
    </row>
    <row r="6" spans="1:8">
      <c r="A6" s="5"/>
      <c r="B6" s="6"/>
      <c r="C6" s="63" t="s">
        <v>106</v>
      </c>
      <c r="D6" s="215"/>
      <c r="E6" s="215"/>
      <c r="F6" s="7"/>
      <c r="G6" s="8"/>
      <c r="H6" s="5"/>
    </row>
    <row r="7" spans="1:8" ht="27" customHeight="1">
      <c r="A7" s="5"/>
      <c r="B7" s="6"/>
      <c r="C7" s="63" t="s">
        <v>73</v>
      </c>
      <c r="D7" s="209"/>
      <c r="E7" s="210"/>
      <c r="F7" s="7"/>
      <c r="G7" s="8"/>
      <c r="H7" s="5"/>
    </row>
    <row r="8" spans="1:8" ht="16.5" customHeight="1">
      <c r="A8" s="5"/>
      <c r="B8" s="6"/>
      <c r="C8" s="63" t="s">
        <v>74</v>
      </c>
      <c r="D8" s="209"/>
      <c r="E8" s="210"/>
      <c r="F8" s="7"/>
      <c r="G8" s="8"/>
      <c r="H8" s="5"/>
    </row>
    <row r="9" spans="1:8">
      <c r="A9" s="5"/>
      <c r="B9" s="6"/>
      <c r="C9" s="63" t="s">
        <v>75</v>
      </c>
      <c r="D9" s="209"/>
      <c r="E9" s="210"/>
      <c r="F9" s="7"/>
      <c r="G9" s="8"/>
      <c r="H9" s="5"/>
    </row>
    <row r="10" spans="1:8">
      <c r="A10" s="5"/>
      <c r="B10" s="6"/>
      <c r="C10" s="30"/>
      <c r="D10" s="31"/>
      <c r="E10" s="31"/>
      <c r="F10" s="32"/>
      <c r="G10" s="8"/>
      <c r="H10" s="5"/>
    </row>
    <row r="11" spans="1:8">
      <c r="A11" s="5"/>
      <c r="B11" s="6"/>
      <c r="C11" s="213" t="s">
        <v>79</v>
      </c>
      <c r="D11" s="214"/>
      <c r="E11" s="214"/>
      <c r="F11" s="7"/>
      <c r="G11" s="8"/>
      <c r="H11" s="5"/>
    </row>
    <row r="12" spans="1:8">
      <c r="A12" s="5"/>
      <c r="B12" s="6"/>
      <c r="C12" s="30"/>
      <c r="D12" s="7"/>
      <c r="E12" s="7"/>
      <c r="F12" s="7"/>
      <c r="G12" s="8"/>
      <c r="H12" s="5"/>
    </row>
    <row r="13" spans="1:8">
      <c r="A13" s="5"/>
      <c r="B13" s="6"/>
      <c r="C13" s="63" t="s">
        <v>79</v>
      </c>
      <c r="D13" s="208"/>
      <c r="E13" s="210"/>
      <c r="F13" s="7"/>
      <c r="G13" s="8"/>
      <c r="H13" s="5"/>
    </row>
    <row r="14" spans="1:8">
      <c r="A14" s="5"/>
      <c r="B14" s="6"/>
      <c r="C14" s="63" t="s">
        <v>76</v>
      </c>
      <c r="D14" s="208"/>
      <c r="E14" s="210"/>
      <c r="F14" s="7"/>
      <c r="G14" s="8"/>
      <c r="H14" s="5"/>
    </row>
    <row r="15" spans="1:8">
      <c r="A15" s="5"/>
      <c r="B15" s="6"/>
      <c r="C15" s="63" t="s">
        <v>77</v>
      </c>
      <c r="D15" s="208"/>
      <c r="E15" s="210"/>
      <c r="F15" s="7"/>
      <c r="G15" s="8"/>
      <c r="H15" s="5"/>
    </row>
    <row r="16" spans="1:8">
      <c r="A16" s="5"/>
      <c r="B16" s="6"/>
      <c r="C16" s="63" t="s">
        <v>78</v>
      </c>
      <c r="D16" s="208"/>
      <c r="E16" s="208"/>
      <c r="F16" s="7"/>
      <c r="G16" s="8"/>
      <c r="H16" s="5"/>
    </row>
    <row r="17" spans="1:8">
      <c r="A17" s="5"/>
      <c r="B17" s="6"/>
      <c r="C17" s="216" t="s">
        <v>81</v>
      </c>
      <c r="D17" s="216"/>
      <c r="E17" s="216"/>
      <c r="F17" s="7"/>
      <c r="G17" s="8"/>
      <c r="H17" s="5"/>
    </row>
    <row r="18" spans="1:8">
      <c r="A18" s="5"/>
      <c r="B18" s="6"/>
      <c r="C18" s="64">
        <v>1</v>
      </c>
      <c r="D18" s="208"/>
      <c r="E18" s="208"/>
      <c r="F18" s="10" t="str">
        <f t="shared" ref="F18:F49" si="0">IF(D18="","",CONCATENATE(C18," - ",D18))</f>
        <v/>
      </c>
      <c r="G18" s="8"/>
      <c r="H18" s="5"/>
    </row>
    <row r="19" spans="1:8">
      <c r="A19" s="5"/>
      <c r="B19" s="6"/>
      <c r="C19" s="64">
        <v>2</v>
      </c>
      <c r="D19" s="208"/>
      <c r="E19" s="208"/>
      <c r="F19" s="10" t="str">
        <f t="shared" si="0"/>
        <v/>
      </c>
      <c r="G19" s="8"/>
      <c r="H19" s="5"/>
    </row>
    <row r="20" spans="1:8">
      <c r="A20" s="5"/>
      <c r="B20" s="6"/>
      <c r="C20" s="64">
        <v>3</v>
      </c>
      <c r="D20" s="208"/>
      <c r="E20" s="208"/>
      <c r="F20" s="10" t="str">
        <f t="shared" si="0"/>
        <v/>
      </c>
      <c r="G20" s="8"/>
      <c r="H20" s="5"/>
    </row>
    <row r="21" spans="1:8">
      <c r="A21" s="5"/>
      <c r="B21" s="6"/>
      <c r="C21" s="64">
        <v>4</v>
      </c>
      <c r="D21" s="208"/>
      <c r="E21" s="208"/>
      <c r="F21" s="10" t="str">
        <f t="shared" si="0"/>
        <v/>
      </c>
      <c r="G21" s="8"/>
      <c r="H21" s="5"/>
    </row>
    <row r="22" spans="1:8">
      <c r="A22" s="5"/>
      <c r="B22" s="6"/>
      <c r="C22" s="64">
        <v>5</v>
      </c>
      <c r="D22" s="208"/>
      <c r="E22" s="208"/>
      <c r="F22" s="10" t="str">
        <f t="shared" si="0"/>
        <v/>
      </c>
      <c r="G22" s="8"/>
      <c r="H22" s="5"/>
    </row>
    <row r="23" spans="1:8">
      <c r="A23" s="5"/>
      <c r="B23" s="6"/>
      <c r="C23" s="64">
        <v>6</v>
      </c>
      <c r="D23" s="208"/>
      <c r="E23" s="208"/>
      <c r="F23" s="10" t="str">
        <f t="shared" si="0"/>
        <v/>
      </c>
      <c r="G23" s="8"/>
      <c r="H23" s="5"/>
    </row>
    <row r="24" spans="1:8">
      <c r="A24" s="5"/>
      <c r="B24" s="6"/>
      <c r="C24" s="64">
        <v>7</v>
      </c>
      <c r="D24" s="208"/>
      <c r="E24" s="208"/>
      <c r="F24" s="10" t="str">
        <f t="shared" si="0"/>
        <v/>
      </c>
      <c r="G24" s="8"/>
      <c r="H24" s="5"/>
    </row>
    <row r="25" spans="1:8">
      <c r="A25" s="5"/>
      <c r="B25" s="6"/>
      <c r="C25" s="64">
        <v>8</v>
      </c>
      <c r="D25" s="208"/>
      <c r="E25" s="208"/>
      <c r="F25" s="10" t="str">
        <f t="shared" si="0"/>
        <v/>
      </c>
      <c r="G25" s="8"/>
      <c r="H25" s="5"/>
    </row>
    <row r="26" spans="1:8">
      <c r="A26" s="5"/>
      <c r="B26" s="6"/>
      <c r="C26" s="64">
        <v>9</v>
      </c>
      <c r="D26" s="208"/>
      <c r="E26" s="208"/>
      <c r="F26" s="10" t="str">
        <f t="shared" si="0"/>
        <v/>
      </c>
      <c r="G26" s="8"/>
      <c r="H26" s="5"/>
    </row>
    <row r="27" spans="1:8">
      <c r="A27" s="5"/>
      <c r="B27" s="6"/>
      <c r="C27" s="64">
        <v>10</v>
      </c>
      <c r="D27" s="208"/>
      <c r="E27" s="208"/>
      <c r="F27" s="10" t="str">
        <f t="shared" si="0"/>
        <v/>
      </c>
      <c r="G27" s="8"/>
      <c r="H27" s="5"/>
    </row>
    <row r="28" spans="1:8">
      <c r="A28" s="5"/>
      <c r="B28" s="6"/>
      <c r="C28" s="64">
        <v>11</v>
      </c>
      <c r="D28" s="208"/>
      <c r="E28" s="208"/>
      <c r="F28" s="10" t="str">
        <f t="shared" si="0"/>
        <v/>
      </c>
      <c r="G28" s="8"/>
      <c r="H28" s="5"/>
    </row>
    <row r="29" spans="1:8">
      <c r="A29" s="5"/>
      <c r="B29" s="6"/>
      <c r="C29" s="64">
        <v>12</v>
      </c>
      <c r="D29" s="208"/>
      <c r="E29" s="208"/>
      <c r="F29" s="10" t="str">
        <f t="shared" si="0"/>
        <v/>
      </c>
      <c r="G29" s="8"/>
      <c r="H29" s="5"/>
    </row>
    <row r="30" spans="1:8">
      <c r="A30" s="5"/>
      <c r="B30" s="6"/>
      <c r="C30" s="64">
        <v>13</v>
      </c>
      <c r="D30" s="208"/>
      <c r="E30" s="208"/>
      <c r="F30" s="10" t="str">
        <f t="shared" si="0"/>
        <v/>
      </c>
      <c r="G30" s="8"/>
      <c r="H30" s="5"/>
    </row>
    <row r="31" spans="1:8">
      <c r="A31" s="5"/>
      <c r="B31" s="6"/>
      <c r="C31" s="64">
        <v>14</v>
      </c>
      <c r="D31" s="208"/>
      <c r="E31" s="208"/>
      <c r="F31" s="10" t="str">
        <f t="shared" si="0"/>
        <v/>
      </c>
      <c r="G31" s="8"/>
      <c r="H31" s="5"/>
    </row>
    <row r="32" spans="1:8">
      <c r="A32" s="5"/>
      <c r="B32" s="6"/>
      <c r="C32" s="64">
        <v>15</v>
      </c>
      <c r="D32" s="208"/>
      <c r="E32" s="208"/>
      <c r="F32" s="10" t="str">
        <f t="shared" si="0"/>
        <v/>
      </c>
      <c r="G32" s="8"/>
      <c r="H32" s="5"/>
    </row>
    <row r="33" spans="1:8">
      <c r="A33" s="5"/>
      <c r="B33" s="6"/>
      <c r="C33" s="64">
        <v>16</v>
      </c>
      <c r="D33" s="208"/>
      <c r="E33" s="208"/>
      <c r="F33" s="10" t="str">
        <f t="shared" si="0"/>
        <v/>
      </c>
      <c r="G33" s="8"/>
      <c r="H33" s="5"/>
    </row>
    <row r="34" spans="1:8">
      <c r="A34" s="5"/>
      <c r="B34" s="6"/>
      <c r="C34" s="64">
        <v>17</v>
      </c>
      <c r="D34" s="208"/>
      <c r="E34" s="208"/>
      <c r="F34" s="10" t="str">
        <f t="shared" si="0"/>
        <v/>
      </c>
      <c r="G34" s="8"/>
      <c r="H34" s="5"/>
    </row>
    <row r="35" spans="1:8">
      <c r="A35" s="5"/>
      <c r="B35" s="6"/>
      <c r="C35" s="64">
        <v>18</v>
      </c>
      <c r="D35" s="208"/>
      <c r="E35" s="208"/>
      <c r="F35" s="10" t="str">
        <f t="shared" si="0"/>
        <v/>
      </c>
      <c r="G35" s="8"/>
      <c r="H35" s="5"/>
    </row>
    <row r="36" spans="1:8">
      <c r="A36" s="5"/>
      <c r="B36" s="6"/>
      <c r="C36" s="64">
        <v>19</v>
      </c>
      <c r="D36" s="208"/>
      <c r="E36" s="208"/>
      <c r="F36" s="10" t="str">
        <f t="shared" si="0"/>
        <v/>
      </c>
      <c r="G36" s="8"/>
      <c r="H36" s="5"/>
    </row>
    <row r="37" spans="1:8">
      <c r="A37" s="5"/>
      <c r="B37" s="6"/>
      <c r="C37" s="64">
        <v>20</v>
      </c>
      <c r="D37" s="208"/>
      <c r="E37" s="208"/>
      <c r="F37" s="10" t="str">
        <f t="shared" si="0"/>
        <v/>
      </c>
      <c r="G37" s="8"/>
      <c r="H37" s="5"/>
    </row>
    <row r="38" spans="1:8">
      <c r="A38" s="5"/>
      <c r="B38" s="6"/>
      <c r="C38" s="64">
        <v>21</v>
      </c>
      <c r="D38" s="208"/>
      <c r="E38" s="208"/>
      <c r="F38" s="10" t="str">
        <f t="shared" si="0"/>
        <v/>
      </c>
      <c r="G38" s="8"/>
      <c r="H38" s="5"/>
    </row>
    <row r="39" spans="1:8">
      <c r="A39" s="5"/>
      <c r="B39" s="6"/>
      <c r="C39" s="64">
        <v>22</v>
      </c>
      <c r="D39" s="208"/>
      <c r="E39" s="208"/>
      <c r="F39" s="10" t="str">
        <f t="shared" si="0"/>
        <v/>
      </c>
      <c r="G39" s="8"/>
      <c r="H39" s="5"/>
    </row>
    <row r="40" spans="1:8">
      <c r="A40" s="5"/>
      <c r="B40" s="6"/>
      <c r="C40" s="64">
        <v>23</v>
      </c>
      <c r="D40" s="208"/>
      <c r="E40" s="208"/>
      <c r="F40" s="10" t="str">
        <f t="shared" si="0"/>
        <v/>
      </c>
      <c r="G40" s="8"/>
      <c r="H40" s="5"/>
    </row>
    <row r="41" spans="1:8">
      <c r="A41" s="5"/>
      <c r="B41" s="6"/>
      <c r="C41" s="64">
        <v>24</v>
      </c>
      <c r="D41" s="208"/>
      <c r="E41" s="208"/>
      <c r="F41" s="10" t="str">
        <f t="shared" si="0"/>
        <v/>
      </c>
      <c r="G41" s="8"/>
      <c r="H41" s="5"/>
    </row>
    <row r="42" spans="1:8">
      <c r="A42" s="5"/>
      <c r="B42" s="6"/>
      <c r="C42" s="64">
        <v>25</v>
      </c>
      <c r="D42" s="208"/>
      <c r="E42" s="208"/>
      <c r="F42" s="10" t="str">
        <f t="shared" si="0"/>
        <v/>
      </c>
      <c r="G42" s="8"/>
      <c r="H42" s="5"/>
    </row>
    <row r="43" spans="1:8">
      <c r="A43" s="5"/>
      <c r="B43" s="6"/>
      <c r="C43" s="64">
        <v>26</v>
      </c>
      <c r="D43" s="208"/>
      <c r="E43" s="208"/>
      <c r="F43" s="10" t="str">
        <f t="shared" si="0"/>
        <v/>
      </c>
      <c r="G43" s="8"/>
      <c r="H43" s="5"/>
    </row>
    <row r="44" spans="1:8">
      <c r="A44" s="5"/>
      <c r="B44" s="6"/>
      <c r="C44" s="64">
        <v>27</v>
      </c>
      <c r="D44" s="208"/>
      <c r="E44" s="208"/>
      <c r="F44" s="10" t="str">
        <f t="shared" si="0"/>
        <v/>
      </c>
      <c r="G44" s="8"/>
      <c r="H44" s="5"/>
    </row>
    <row r="45" spans="1:8">
      <c r="A45" s="5"/>
      <c r="B45" s="6"/>
      <c r="C45" s="64">
        <v>28</v>
      </c>
      <c r="D45" s="208"/>
      <c r="E45" s="208"/>
      <c r="F45" s="10" t="str">
        <f t="shared" si="0"/>
        <v/>
      </c>
      <c r="G45" s="8"/>
      <c r="H45" s="5"/>
    </row>
    <row r="46" spans="1:8">
      <c r="A46" s="5"/>
      <c r="B46" s="6"/>
      <c r="C46" s="64">
        <v>29</v>
      </c>
      <c r="D46" s="208"/>
      <c r="E46" s="208"/>
      <c r="F46" s="10" t="str">
        <f t="shared" si="0"/>
        <v/>
      </c>
      <c r="G46" s="8"/>
      <c r="H46" s="5"/>
    </row>
    <row r="47" spans="1:8">
      <c r="A47" s="5"/>
      <c r="B47" s="6"/>
      <c r="C47" s="64">
        <v>30</v>
      </c>
      <c r="D47" s="208"/>
      <c r="E47" s="208"/>
      <c r="F47" s="206" t="str">
        <f t="shared" si="0"/>
        <v/>
      </c>
      <c r="G47" s="8"/>
      <c r="H47" s="5"/>
    </row>
    <row r="48" spans="1:8">
      <c r="A48" s="5"/>
      <c r="B48" s="6"/>
      <c r="C48" s="64">
        <v>31</v>
      </c>
      <c r="D48" s="221"/>
      <c r="E48" s="210"/>
      <c r="F48" s="10" t="str">
        <f t="shared" si="0"/>
        <v/>
      </c>
      <c r="G48" s="8"/>
      <c r="H48" s="5"/>
    </row>
    <row r="49" spans="1:8">
      <c r="A49" s="5"/>
      <c r="B49" s="6"/>
      <c r="C49" s="64">
        <v>32</v>
      </c>
      <c r="D49" s="221"/>
      <c r="E49" s="210"/>
      <c r="F49" s="10" t="str">
        <f t="shared" si="0"/>
        <v/>
      </c>
      <c r="G49" s="8"/>
      <c r="H49" s="5"/>
    </row>
    <row r="50" spans="1:8">
      <c r="A50" s="5"/>
      <c r="B50" s="6"/>
      <c r="C50" s="216" t="s">
        <v>82</v>
      </c>
      <c r="D50" s="216"/>
      <c r="E50" s="216"/>
      <c r="F50" s="7"/>
      <c r="G50" s="8"/>
      <c r="H50" s="5"/>
    </row>
    <row r="51" spans="1:8">
      <c r="A51" s="5"/>
      <c r="B51" s="6"/>
      <c r="C51" s="220" t="s">
        <v>84</v>
      </c>
      <c r="D51" s="220"/>
      <c r="E51" s="80" t="s">
        <v>83</v>
      </c>
      <c r="F51" s="7"/>
      <c r="G51" s="8"/>
      <c r="H51" s="5"/>
    </row>
    <row r="52" spans="1:8">
      <c r="A52" s="5"/>
      <c r="B52" s="6"/>
      <c r="C52" s="218"/>
      <c r="D52" s="219"/>
      <c r="E52" s="218"/>
      <c r="F52" s="7"/>
      <c r="G52" s="8"/>
      <c r="H52" s="5"/>
    </row>
    <row r="53" spans="1:8">
      <c r="A53" s="5"/>
      <c r="B53" s="6"/>
      <c r="C53" s="219"/>
      <c r="D53" s="219"/>
      <c r="E53" s="219"/>
      <c r="F53" s="7"/>
      <c r="G53" s="8"/>
      <c r="H53" s="5"/>
    </row>
    <row r="54" spans="1:8">
      <c r="A54" s="5"/>
      <c r="B54" s="6"/>
      <c r="C54" s="219"/>
      <c r="D54" s="219"/>
      <c r="E54" s="219"/>
      <c r="F54" s="7"/>
      <c r="G54" s="8"/>
      <c r="H54" s="5"/>
    </row>
    <row r="55" spans="1:8">
      <c r="A55" s="5"/>
      <c r="B55" s="6"/>
      <c r="C55" s="219"/>
      <c r="D55" s="219"/>
      <c r="E55" s="219"/>
      <c r="F55" s="7"/>
      <c r="G55" s="8"/>
      <c r="H55" s="5"/>
    </row>
    <row r="56" spans="1:8">
      <c r="A56" s="5"/>
      <c r="B56" s="6"/>
      <c r="C56" s="219"/>
      <c r="D56" s="219"/>
      <c r="E56" s="219"/>
      <c r="F56" s="7"/>
      <c r="G56" s="8"/>
      <c r="H56" s="5"/>
    </row>
    <row r="57" spans="1:8">
      <c r="A57" s="5"/>
      <c r="B57" s="6"/>
      <c r="C57" s="219"/>
      <c r="D57" s="219"/>
      <c r="E57" s="219"/>
      <c r="F57" s="7"/>
      <c r="G57" s="8"/>
      <c r="H57" s="5"/>
    </row>
    <row r="58" spans="1:8">
      <c r="A58" s="5"/>
      <c r="B58" s="6"/>
      <c r="C58" s="217" t="s">
        <v>85</v>
      </c>
      <c r="D58" s="217"/>
      <c r="E58" s="79" t="s">
        <v>86</v>
      </c>
      <c r="F58" s="7"/>
      <c r="G58" s="8"/>
      <c r="H58" s="5"/>
    </row>
    <row r="59" spans="1:8">
      <c r="A59" s="5"/>
      <c r="B59" s="6"/>
      <c r="C59" s="218"/>
      <c r="D59" s="219"/>
      <c r="E59" s="218"/>
      <c r="F59" s="7"/>
      <c r="G59" s="8"/>
      <c r="H59" s="5"/>
    </row>
    <row r="60" spans="1:8">
      <c r="A60" s="5"/>
      <c r="B60" s="6"/>
      <c r="C60" s="219"/>
      <c r="D60" s="219"/>
      <c r="E60" s="219"/>
      <c r="F60" s="7"/>
      <c r="G60" s="8"/>
      <c r="H60" s="5"/>
    </row>
    <row r="61" spans="1:8">
      <c r="A61" s="5"/>
      <c r="B61" s="6"/>
      <c r="C61" s="219"/>
      <c r="D61" s="219"/>
      <c r="E61" s="219"/>
      <c r="F61" s="7"/>
      <c r="G61" s="8"/>
      <c r="H61" s="5"/>
    </row>
    <row r="62" spans="1:8">
      <c r="A62" s="5"/>
      <c r="B62" s="6"/>
      <c r="C62" s="219"/>
      <c r="D62" s="219"/>
      <c r="E62" s="219"/>
      <c r="F62" s="7"/>
      <c r="G62" s="8"/>
      <c r="H62" s="5"/>
    </row>
    <row r="63" spans="1:8">
      <c r="A63" s="5"/>
      <c r="B63" s="6"/>
      <c r="C63" s="219"/>
      <c r="D63" s="219"/>
      <c r="E63" s="219"/>
      <c r="F63" s="7"/>
      <c r="G63" s="8"/>
      <c r="H63" s="5"/>
    </row>
    <row r="64" spans="1:8">
      <c r="A64" s="5"/>
      <c r="B64" s="6"/>
      <c r="C64" s="219"/>
      <c r="D64" s="219"/>
      <c r="E64" s="219"/>
      <c r="F64" s="7"/>
      <c r="G64" s="8"/>
      <c r="H64" s="5"/>
    </row>
    <row r="65" spans="1:8">
      <c r="A65" s="5"/>
      <c r="B65" s="11"/>
      <c r="C65" s="12"/>
      <c r="D65" s="13"/>
      <c r="E65" s="13"/>
      <c r="F65" s="13"/>
      <c r="G65" s="14"/>
      <c r="H65" s="5"/>
    </row>
    <row r="66" spans="1:8">
      <c r="A66" s="5"/>
      <c r="B66" s="5"/>
      <c r="C66" s="24"/>
      <c r="D66" s="5"/>
      <c r="E66" s="5"/>
      <c r="F66" s="5"/>
      <c r="G66" s="5"/>
      <c r="H66" s="5"/>
    </row>
  </sheetData>
  <mergeCells count="52">
    <mergeCell ref="B2:G2"/>
    <mergeCell ref="C4:E4"/>
    <mergeCell ref="D9:E9"/>
    <mergeCell ref="C52:D57"/>
    <mergeCell ref="E52:E57"/>
    <mergeCell ref="D24:E24"/>
    <mergeCell ref="D25:E25"/>
    <mergeCell ref="D26:E26"/>
    <mergeCell ref="D27:E27"/>
    <mergeCell ref="D28:E28"/>
    <mergeCell ref="D20:E20"/>
    <mergeCell ref="D18:E18"/>
    <mergeCell ref="D21:E21"/>
    <mergeCell ref="D22:E22"/>
    <mergeCell ref="D23:E23"/>
    <mergeCell ref="D14:E14"/>
    <mergeCell ref="C58:D58"/>
    <mergeCell ref="C59:D64"/>
    <mergeCell ref="E59:E64"/>
    <mergeCell ref="D29:E29"/>
    <mergeCell ref="D30:E30"/>
    <mergeCell ref="D31:E31"/>
    <mergeCell ref="D32:E32"/>
    <mergeCell ref="C51:D51"/>
    <mergeCell ref="D33:E33"/>
    <mergeCell ref="D34:E34"/>
    <mergeCell ref="D35:E35"/>
    <mergeCell ref="D48:E48"/>
    <mergeCell ref="D49:E49"/>
    <mergeCell ref="C50:E50"/>
    <mergeCell ref="D36:E36"/>
    <mergeCell ref="D37:E37"/>
    <mergeCell ref="D19:E19"/>
    <mergeCell ref="D15:E15"/>
    <mergeCell ref="D16:E16"/>
    <mergeCell ref="C17:E17"/>
    <mergeCell ref="D8:E8"/>
    <mergeCell ref="D7:E7"/>
    <mergeCell ref="D5:E5"/>
    <mergeCell ref="C11:E11"/>
    <mergeCell ref="D13:E13"/>
    <mergeCell ref="D6:E6"/>
    <mergeCell ref="D38:E38"/>
    <mergeCell ref="D39:E39"/>
    <mergeCell ref="D40:E40"/>
    <mergeCell ref="D41:E41"/>
    <mergeCell ref="D42:E42"/>
    <mergeCell ref="D43:E43"/>
    <mergeCell ref="D44:E44"/>
    <mergeCell ref="D45:E45"/>
    <mergeCell ref="D46:E46"/>
    <mergeCell ref="D47:E47"/>
  </mergeCells>
  <conditionalFormatting sqref="D6">
    <cfRule type="cellIs" dxfId="49" priority="1" operator="equal">
      <formula>"CRÍTICO"</formula>
    </cfRule>
  </conditionalFormatting>
  <conditionalFormatting sqref="D6">
    <cfRule type="cellIs" dxfId="48" priority="2" operator="equal">
      <formula>"MUITO ALTO"</formula>
    </cfRule>
  </conditionalFormatting>
  <conditionalFormatting sqref="D6">
    <cfRule type="cellIs" dxfId="47" priority="3" operator="equal">
      <formula>"ALTO"</formula>
    </cfRule>
  </conditionalFormatting>
  <conditionalFormatting sqref="D6">
    <cfRule type="cellIs" dxfId="46" priority="4" operator="equal">
      <formula>"MÉDIO"</formula>
    </cfRule>
  </conditionalFormatting>
  <conditionalFormatting sqref="D6">
    <cfRule type="cellIs" dxfId="45" priority="5" operator="equal">
      <formula>"BAIXO"</formula>
    </cfRule>
  </conditionalFormatting>
  <conditionalFormatting sqref="D6">
    <cfRule type="cellIs" dxfId="44" priority="6" operator="equal">
      <formula>"MUITO BAIXO"</formula>
    </cfRule>
  </conditionalFormatting>
  <dataValidations count="1">
    <dataValidation type="list" allowBlank="1" sqref="D14">
      <formula1>"SIM,NÃO"</formula1>
    </dataValidation>
  </dataValidations>
  <pageMargins left="0.51180555555555496" right="0.51180555555555496" top="0.78749999999999998" bottom="0.78749999999999998" header="0" footer="0"/>
  <pageSetup paperSize="9" scale="75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Apoio!$H$23:$H$28</xm:f>
          </x14:formula1>
          <xm:sqref>D6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Below="0" summaryRight="0"/>
    <pageSetUpPr fitToPage="1"/>
  </sheetPr>
  <dimension ref="A1:AI54"/>
  <sheetViews>
    <sheetView showGridLines="0" topLeftCell="A4" zoomScale="85" zoomScaleNormal="85" workbookViewId="0">
      <selection activeCell="AC6" sqref="AC6"/>
    </sheetView>
  </sheetViews>
  <sheetFormatPr defaultColWidth="12.5703125" defaultRowHeight="12.75"/>
  <cols>
    <col min="1" max="1" width="2" style="35" customWidth="1"/>
    <col min="2" max="2" width="3.7109375" style="35" hidden="1" customWidth="1"/>
    <col min="3" max="3" width="8.140625" style="35" customWidth="1"/>
    <col min="4" max="4" width="23" style="35" customWidth="1"/>
    <col min="5" max="5" width="34.140625" style="35" customWidth="1"/>
    <col min="6" max="6" width="22.5703125" style="35" customWidth="1"/>
    <col min="7" max="7" width="21.5703125" style="35" customWidth="1"/>
    <col min="8" max="8" width="2.140625" style="35" customWidth="1"/>
    <col min="9" max="9" width="27.28515625" style="35" customWidth="1"/>
    <col min="10" max="10" width="8.7109375" style="35" customWidth="1"/>
    <col min="11" max="11" width="33.42578125" style="35" customWidth="1"/>
    <col min="12" max="12" width="2.140625" style="35" customWidth="1"/>
    <col min="13" max="13" width="4" style="35" customWidth="1"/>
    <col min="14" max="14" width="6.42578125" style="35" customWidth="1"/>
    <col min="15" max="15" width="41.85546875" style="35" customWidth="1"/>
    <col min="16" max="16" width="3.28515625" style="35" customWidth="1"/>
    <col min="17" max="17" width="6.28515625" style="35" customWidth="1"/>
    <col min="18" max="18" width="33.28515625" style="35" customWidth="1"/>
    <col min="19" max="19" width="4.140625" style="35" bestFit="1" customWidth="1"/>
    <col min="20" max="20" width="8.42578125" style="35" customWidth="1"/>
    <col min="21" max="21" width="2.28515625" style="35" customWidth="1"/>
    <col min="22" max="22" width="10.140625" style="35" customWidth="1"/>
    <col min="23" max="23" width="8.85546875" style="35" bestFit="1" customWidth="1"/>
    <col min="24" max="24" width="14.42578125" style="35" customWidth="1"/>
    <col min="25" max="25" width="23.140625" style="35" customWidth="1"/>
    <col min="26" max="26" width="15" style="35" bestFit="1" customWidth="1"/>
    <col min="27" max="27" width="16.140625" style="35" customWidth="1"/>
    <col min="28" max="29" width="10.28515625" style="35" bestFit="1" customWidth="1"/>
    <col min="30" max="30" width="2" style="35" customWidth="1"/>
    <col min="31" max="31" width="10.5703125" style="35" customWidth="1"/>
    <col min="32" max="32" width="4.7109375" style="35" bestFit="1" customWidth="1"/>
    <col min="33" max="33" width="6.5703125" style="35" customWidth="1"/>
    <col min="34" max="16384" width="12.5703125" style="35"/>
  </cols>
  <sheetData>
    <row r="1" spans="1:35" s="34" customFormat="1">
      <c r="A1" s="38"/>
      <c r="B1" s="38"/>
      <c r="C1" s="38"/>
      <c r="D1" s="38"/>
      <c r="E1" s="38"/>
      <c r="F1" s="38"/>
      <c r="G1" s="38"/>
      <c r="H1" s="38"/>
      <c r="I1" s="38"/>
      <c r="J1" s="38"/>
      <c r="K1" s="38"/>
      <c r="L1" s="38"/>
      <c r="M1" s="38"/>
      <c r="N1" s="38"/>
      <c r="O1" s="38"/>
      <c r="P1" s="38"/>
      <c r="Q1" s="38"/>
      <c r="R1" s="38"/>
      <c r="S1" s="38"/>
      <c r="T1" s="38"/>
      <c r="U1" s="38"/>
      <c r="V1" s="38"/>
      <c r="W1" s="38"/>
      <c r="X1" s="38"/>
      <c r="Y1" s="38"/>
      <c r="Z1" s="38"/>
      <c r="AA1" s="38"/>
      <c r="AB1" s="38"/>
      <c r="AC1" s="38"/>
      <c r="AD1" s="38"/>
      <c r="AE1" s="38"/>
      <c r="AF1" s="38"/>
      <c r="AG1" s="38"/>
      <c r="AH1" s="38"/>
      <c r="AI1" s="38"/>
    </row>
    <row r="2" spans="1:35" s="34" customFormat="1">
      <c r="A2" s="41"/>
      <c r="B2" s="39"/>
      <c r="C2" s="39"/>
      <c r="D2" s="54"/>
      <c r="E2" s="39"/>
      <c r="F2" s="39"/>
      <c r="G2" s="40"/>
      <c r="H2" s="39"/>
      <c r="I2" s="40"/>
      <c r="J2" s="40"/>
      <c r="K2" s="40"/>
      <c r="L2" s="40"/>
    </row>
    <row r="3" spans="1:35" s="45" customFormat="1" ht="25.5">
      <c r="A3" s="42"/>
      <c r="B3" s="227" t="s">
        <v>93</v>
      </c>
      <c r="C3" s="228"/>
      <c r="D3" s="228"/>
      <c r="E3" s="228"/>
      <c r="F3" s="228"/>
      <c r="G3" s="229"/>
      <c r="H3" s="43"/>
      <c r="I3" s="230" t="s">
        <v>94</v>
      </c>
      <c r="J3" s="231"/>
      <c r="K3" s="231"/>
      <c r="L3" s="44"/>
      <c r="M3" s="232" t="s">
        <v>68</v>
      </c>
      <c r="N3" s="233"/>
      <c r="O3" s="233"/>
      <c r="P3" s="233"/>
      <c r="Q3" s="233"/>
      <c r="R3" s="233"/>
      <c r="S3" s="233"/>
      <c r="T3" s="234"/>
      <c r="V3" s="232" t="s">
        <v>107</v>
      </c>
      <c r="W3" s="233"/>
      <c r="X3" s="233"/>
      <c r="Y3" s="233"/>
      <c r="Z3" s="233"/>
      <c r="AA3" s="81" t="s">
        <v>125</v>
      </c>
      <c r="AB3" s="238"/>
      <c r="AC3" s="215"/>
      <c r="AE3" s="235" t="s">
        <v>11</v>
      </c>
      <c r="AF3" s="235"/>
      <c r="AG3" s="235"/>
    </row>
    <row r="4" spans="1:35" s="45" customFormat="1" ht="38.25">
      <c r="A4" s="42"/>
      <c r="B4" s="53" t="s">
        <v>114</v>
      </c>
      <c r="C4" s="36" t="s">
        <v>142</v>
      </c>
      <c r="D4" s="36" t="s">
        <v>0</v>
      </c>
      <c r="E4" s="36" t="s">
        <v>66</v>
      </c>
      <c r="F4" s="36" t="s">
        <v>9</v>
      </c>
      <c r="G4" s="36" t="s">
        <v>67</v>
      </c>
      <c r="H4" s="43"/>
      <c r="I4" s="36" t="s">
        <v>95</v>
      </c>
      <c r="J4" s="230" t="s">
        <v>96</v>
      </c>
      <c r="K4" s="230"/>
      <c r="L4" s="44"/>
      <c r="M4" s="230" t="s">
        <v>7</v>
      </c>
      <c r="N4" s="231"/>
      <c r="O4" s="231"/>
      <c r="P4" s="230" t="s">
        <v>8</v>
      </c>
      <c r="Q4" s="231"/>
      <c r="R4" s="231"/>
      <c r="S4" s="230" t="s">
        <v>12</v>
      </c>
      <c r="T4" s="230"/>
      <c r="V4" s="1" t="s">
        <v>13</v>
      </c>
      <c r="W4" s="236" t="s">
        <v>87</v>
      </c>
      <c r="X4" s="237"/>
      <c r="Y4" s="1" t="s">
        <v>88</v>
      </c>
      <c r="Z4" s="1" t="s">
        <v>89</v>
      </c>
      <c r="AA4" s="1" t="s">
        <v>117</v>
      </c>
      <c r="AB4" s="1" t="s">
        <v>91</v>
      </c>
      <c r="AC4" s="1" t="s">
        <v>92</v>
      </c>
      <c r="AE4" s="37" t="s">
        <v>4</v>
      </c>
      <c r="AF4" s="235" t="s">
        <v>11</v>
      </c>
      <c r="AG4" s="235"/>
    </row>
    <row r="5" spans="1:35">
      <c r="A5" s="46"/>
      <c r="B5" s="4">
        <v>1</v>
      </c>
      <c r="C5" s="60" t="str">
        <f>IF(D5="","",CONCATENATE("RISCO ",B5))</f>
        <v/>
      </c>
      <c r="D5" s="3"/>
      <c r="E5" s="4"/>
      <c r="F5" s="4"/>
      <c r="G5" s="4"/>
      <c r="H5" s="47"/>
      <c r="I5" s="4"/>
      <c r="J5" s="4"/>
      <c r="K5" s="60" t="str">
        <f>IFERROR(
IF(J5="","",
VLOOKUP(J5,Apoio!$B$5:$F$9,2,0)),"-")</f>
        <v/>
      </c>
      <c r="L5" s="48"/>
      <c r="M5" s="49"/>
      <c r="N5" s="60" t="str">
        <f>IF(M5="","",
VLOOKUP(M5,Apoio!$H$4:$P$9,2,0))</f>
        <v/>
      </c>
      <c r="O5" s="60" t="str">
        <f>IF(M5="","",
VLOOKUP(M5,Apoio!$H$4:$P$9,4,0))</f>
        <v/>
      </c>
      <c r="P5" s="49"/>
      <c r="Q5" s="60" t="str">
        <f>IF(P5="","",
VLOOKUP(P5,Apoio!$H$13:$P$19,2,0))</f>
        <v/>
      </c>
      <c r="R5" s="60" t="str">
        <f>IF(P5="","",
VLOOKUP(P5,Apoio!$H$13:$P$19,4,0))</f>
        <v/>
      </c>
      <c r="S5" s="61" t="str">
        <f t="shared" ref="S5:S54" si="0">IF(OR(M5="",P5=""),"",M5*P5)</f>
        <v/>
      </c>
      <c r="T5" s="60" t="str">
        <f>IF(OR(M5="",P5=""),"",
IF(S5&lt;=Apoio!$M$23,Apoio!$H$23,
IF(S5&lt;=Apoio!$M$24,Apoio!$H$24,
IF(S5&lt;=Apoio!$M$25,Apoio!$H$25,
IF(S5&lt;=Apoio!$M$26,Apoio!$H$26,
IF(S5&lt;=Apoio!$M$27,Apoio!$H$27,
IF(S5&gt;Apoio!$M$27,Apoio!$H$28,)))))))</f>
        <v/>
      </c>
      <c r="V5" s="59" t="str">
        <f>IFERROR(VLOOKUP('1. Ambiente'!D$6,Apoio!$R$4:$X$9,MATCH(T5,Apoio!$R$4:$X$4,0),0),"-")</f>
        <v>-</v>
      </c>
      <c r="W5" s="16"/>
      <c r="X5" s="73" t="str">
        <f>IF(W5="","",
VLOOKUP(W5,Apoio!$R$22:$S$25,2,0))</f>
        <v/>
      </c>
      <c r="Y5" s="52"/>
      <c r="Z5" s="52"/>
      <c r="AA5" s="16"/>
      <c r="AB5" s="17"/>
      <c r="AC5" s="17"/>
      <c r="AE5" s="60" t="str">
        <f>IFERROR(
IF(J5="","",
VLOOKUP(J5,Apoio!$B$5:$F$9,4,0)),"-")</f>
        <v/>
      </c>
      <c r="AF5" s="62" t="str">
        <f>IFERROR(IF(OR(S5="-",J5="-"),"-",
S5/AE5),"-")</f>
        <v>-</v>
      </c>
      <c r="AG5" s="60" t="str">
        <f>IF(AF5="-","-",
IF(AND(AF5&gt;=Apoio!$K$23,AF5&lt;Apoio!$M$23),Apoio!$H$23,
IF(AND(AF5&gt;=Apoio!$K$24,AF5&lt;Apoio!$M$24),Apoio!$H$24,
IF(AND(AF5&gt;=Apoio!$K$25,AF5&lt;Apoio!$M$25),Apoio!$H$25,
IF(AND(AF5&gt;=Apoio!$K$26,AF5&lt;Apoio!$M$26),Apoio!$H$26,
IF(AND(AF5&gt;=Apoio!$K$27,AF5&lt;Apoio!$M$27),Apoio!$H$27,
IF(AF5&gt;=Apoio!$K$28,Apoio!$H$28)))))))</f>
        <v>-</v>
      </c>
    </row>
    <row r="6" spans="1:35">
      <c r="A6" s="46"/>
      <c r="B6" s="4">
        <v>2</v>
      </c>
      <c r="C6" s="167" t="str">
        <f t="shared" ref="C6:C54" si="1">IF(D6="","",CONCATENATE("RISCO ",B6))</f>
        <v/>
      </c>
      <c r="D6" s="4"/>
      <c r="E6" s="4"/>
      <c r="F6" s="4"/>
      <c r="G6" s="4"/>
      <c r="H6" s="47"/>
      <c r="I6" s="4"/>
      <c r="J6" s="4"/>
      <c r="K6" s="60" t="str">
        <f>IFERROR(
IF(J6="","",
VLOOKUP(J6,Apoio!$B$5:$F$9,2,0)),"-")</f>
        <v/>
      </c>
      <c r="L6" s="48"/>
      <c r="M6" s="49"/>
      <c r="N6" s="60" t="str">
        <f>IF(M6="","",
VLOOKUP(M6,Apoio!$H$4:$P$9,2,0))</f>
        <v/>
      </c>
      <c r="O6" s="60" t="str">
        <f>IF(M6="","",
VLOOKUP(M6,Apoio!$H$4:$P$9,4,0))</f>
        <v/>
      </c>
      <c r="P6" s="49"/>
      <c r="Q6" s="60" t="str">
        <f>IF(P6="","",
VLOOKUP(P6,Apoio!$H$13:$P$19,2,0))</f>
        <v/>
      </c>
      <c r="R6" s="60" t="str">
        <f>IF(P6="","",
VLOOKUP(P6,Apoio!$H$13:$P$19,4,0))</f>
        <v/>
      </c>
      <c r="S6" s="61" t="str">
        <f t="shared" si="0"/>
        <v/>
      </c>
      <c r="T6" s="60" t="str">
        <f>IF(OR(M6="",P6=""),"",
IF(S6&lt;=Apoio!$M$23,Apoio!$H$23,
IF(S6&lt;=Apoio!$M$24,Apoio!$H$24,
IF(S6&lt;=Apoio!$M$25,Apoio!$H$25,
IF(S6&lt;=Apoio!$M$26,Apoio!$H$26,
IF(S6&lt;=Apoio!$M$27,Apoio!$H$27,
IF(S6&gt;Apoio!$M$27,Apoio!$H$28,)))))))</f>
        <v/>
      </c>
      <c r="V6" s="59" t="str">
        <f>IFERROR(VLOOKUP('1. Ambiente'!D$6,Apoio!$R$4:$X$9,MATCH(T6,Apoio!$R$4:$X$4,0),0),"-")</f>
        <v>-</v>
      </c>
      <c r="W6" s="16"/>
      <c r="X6" s="73" t="str">
        <f>IF(W6="","",
VLOOKUP(W6,Apoio!$R$22:$S$25,2,0))</f>
        <v/>
      </c>
      <c r="Y6" s="52"/>
      <c r="Z6" s="52"/>
      <c r="AA6" s="52"/>
      <c r="AB6" s="17"/>
      <c r="AC6" s="17"/>
      <c r="AE6" s="165" t="str">
        <f>IFERROR(
IF(J6="","",
VLOOKUP(J6,Apoio!$B$5:$F$9,4,0)),"-")</f>
        <v/>
      </c>
      <c r="AF6" s="62" t="str">
        <f t="shared" ref="AF6:AF54" si="2">IFERROR(IF(OR(S6="-",J6="-"),"-",
S6/AE6),"-")</f>
        <v>-</v>
      </c>
      <c r="AG6" s="165" t="str">
        <f>IF(AF6="-","-",
IF(AND(AF6&gt;=Apoio!$K$23,AF6&lt;Apoio!$M$23),Apoio!$H$23,
IF(AND(AF6&gt;=Apoio!$K$24,AF6&lt;Apoio!$M$24),Apoio!$H$24,
IF(AND(AF6&gt;=Apoio!$K$25,AF6&lt;Apoio!$M$25),Apoio!$H$25,
IF(AND(AF6&gt;=Apoio!$K$26,AF6&lt;Apoio!$M$26),Apoio!$H$26,
IF(AND(AF6&gt;=Apoio!$K$27,AF6&lt;Apoio!$M$27),Apoio!$H$27,
IF(AF6&gt;=Apoio!$K$28,Apoio!$H$28)))))))</f>
        <v>-</v>
      </c>
    </row>
    <row r="7" spans="1:35">
      <c r="A7" s="46"/>
      <c r="B7" s="4">
        <v>3</v>
      </c>
      <c r="C7" s="167" t="str">
        <f t="shared" si="1"/>
        <v/>
      </c>
      <c r="D7" s="4"/>
      <c r="E7" s="4"/>
      <c r="F7" s="4"/>
      <c r="G7" s="4"/>
      <c r="H7" s="47"/>
      <c r="I7" s="4"/>
      <c r="J7" s="4"/>
      <c r="K7" s="60" t="str">
        <f>IFERROR(
IF(J7="","",
VLOOKUP(J7,Apoio!$B$5:$F$9,2,0)),"-")</f>
        <v/>
      </c>
      <c r="L7" s="48"/>
      <c r="M7" s="49"/>
      <c r="N7" s="60" t="str">
        <f>IF(M7="","",
VLOOKUP(M7,Apoio!$H$4:$P$9,2,0))</f>
        <v/>
      </c>
      <c r="O7" s="60" t="str">
        <f>IF(M7="","",
VLOOKUP(M7,Apoio!$H$4:$P$9,4,0))</f>
        <v/>
      </c>
      <c r="P7" s="49"/>
      <c r="Q7" s="60" t="str">
        <f>IF(P7="","",
VLOOKUP(P7,Apoio!$H$13:$P$19,2,0))</f>
        <v/>
      </c>
      <c r="R7" s="60" t="str">
        <f>IF(P7="","",
VLOOKUP(P7,Apoio!$H$13:$P$19,4,0))</f>
        <v/>
      </c>
      <c r="S7" s="61" t="str">
        <f t="shared" si="0"/>
        <v/>
      </c>
      <c r="T7" s="60" t="str">
        <f>IF(OR(M7="",P7=""),"",
IF(S7&lt;=Apoio!$M$23,Apoio!$H$23,
IF(S7&lt;=Apoio!$M$24,Apoio!$H$24,
IF(S7&lt;=Apoio!$M$25,Apoio!$H$25,
IF(S7&lt;=Apoio!$M$26,Apoio!$H$26,
IF(S7&lt;=Apoio!$M$27,Apoio!$H$27,
IF(S7&gt;Apoio!$M$27,Apoio!$H$28,)))))))</f>
        <v/>
      </c>
      <c r="V7" s="59" t="str">
        <f>IFERROR(VLOOKUP('1. Ambiente'!D$6,Apoio!$R$4:$X$9,MATCH(T7,Apoio!$R$4:$X$4,0),0),"-")</f>
        <v>-</v>
      </c>
      <c r="W7" s="16"/>
      <c r="X7" s="73" t="str">
        <f>IF(W7="","",
VLOOKUP(W7,Apoio!$R$22:$S$25,2,0))</f>
        <v/>
      </c>
      <c r="Y7" s="52"/>
      <c r="Z7" s="52"/>
      <c r="AA7" s="16"/>
      <c r="AB7" s="17"/>
      <c r="AC7" s="17"/>
      <c r="AE7" s="165" t="str">
        <f>IFERROR(
IF(J7="","",
VLOOKUP(J7,Apoio!$B$5:$F$9,4,0)),"-")</f>
        <v/>
      </c>
      <c r="AF7" s="62" t="str">
        <f t="shared" si="2"/>
        <v>-</v>
      </c>
      <c r="AG7" s="165" t="str">
        <f>IF(AF7="-","-",
IF(AND(AF7&gt;=Apoio!$K$23,AF7&lt;Apoio!$M$23),Apoio!$H$23,
IF(AND(AF7&gt;=Apoio!$K$24,AF7&lt;Apoio!$M$24),Apoio!$H$24,
IF(AND(AF7&gt;=Apoio!$K$25,AF7&lt;Apoio!$M$25),Apoio!$H$25,
IF(AND(AF7&gt;=Apoio!$K$26,AF7&lt;Apoio!$M$26),Apoio!$H$26,
IF(AND(AF7&gt;=Apoio!$K$27,AF7&lt;Apoio!$M$27),Apoio!$H$27,
IF(AF7&gt;=Apoio!$K$28,Apoio!$H$28)))))))</f>
        <v>-</v>
      </c>
    </row>
    <row r="8" spans="1:35">
      <c r="A8" s="46"/>
      <c r="B8" s="4">
        <v>4</v>
      </c>
      <c r="C8" s="167" t="str">
        <f t="shared" si="1"/>
        <v/>
      </c>
      <c r="D8" s="4"/>
      <c r="E8" s="4"/>
      <c r="F8" s="4"/>
      <c r="G8" s="4"/>
      <c r="H8" s="47"/>
      <c r="I8" s="4"/>
      <c r="J8" s="4"/>
      <c r="K8" s="60" t="str">
        <f>IFERROR(
IF(J8="","",
VLOOKUP(J8,Apoio!$B$5:$F$9,2,0)),"-")</f>
        <v/>
      </c>
      <c r="L8" s="48"/>
      <c r="M8" s="49"/>
      <c r="N8" s="60" t="str">
        <f>IF(M8="","",
VLOOKUP(M8,Apoio!$H$4:$P$9,2,0))</f>
        <v/>
      </c>
      <c r="O8" s="60" t="str">
        <f>IF(M8="","",
VLOOKUP(M8,Apoio!$H$4:$P$9,4,0))</f>
        <v/>
      </c>
      <c r="P8" s="49"/>
      <c r="Q8" s="60" t="str">
        <f>IF(P8="","",
VLOOKUP(P8,Apoio!$H$13:$P$19,2,0))</f>
        <v/>
      </c>
      <c r="R8" s="60" t="str">
        <f>IF(P8="","",
VLOOKUP(P8,Apoio!$H$13:$P$19,4,0))</f>
        <v/>
      </c>
      <c r="S8" s="61" t="str">
        <f t="shared" si="0"/>
        <v/>
      </c>
      <c r="T8" s="60" t="str">
        <f>IF(OR(M8="",P8=""),"",
IF(S8&lt;=Apoio!$M$23,Apoio!$H$23,
IF(S8&lt;=Apoio!$M$24,Apoio!$H$24,
IF(S8&lt;=Apoio!$M$25,Apoio!$H$25,
IF(S8&lt;=Apoio!$M$26,Apoio!$H$26,
IF(S8&lt;=Apoio!$M$27,Apoio!$H$27,
IF(S8&gt;Apoio!$M$27,Apoio!$H$28,)))))))</f>
        <v/>
      </c>
      <c r="V8" s="59" t="str">
        <f>IFERROR(VLOOKUP('1. Ambiente'!D$6,Apoio!$R$4:$X$9,MATCH(T8,Apoio!$R$4:$X$4,0),0),"-")</f>
        <v>-</v>
      </c>
      <c r="W8" s="16"/>
      <c r="X8" s="73" t="str">
        <f>IF(W8="","",
VLOOKUP(W8,Apoio!$R$22:$S$25,2,0))</f>
        <v/>
      </c>
      <c r="Y8" s="52"/>
      <c r="Z8" s="52"/>
      <c r="AA8" s="16"/>
      <c r="AB8" s="17"/>
      <c r="AC8" s="17"/>
      <c r="AE8" s="165" t="str">
        <f>IFERROR(
IF(J8="","",
VLOOKUP(J8,Apoio!$B$5:$F$9,4,0)),"-")</f>
        <v/>
      </c>
      <c r="AF8" s="62" t="str">
        <f t="shared" si="2"/>
        <v>-</v>
      </c>
      <c r="AG8" s="165" t="str">
        <f>IF(AF8="-","-",
IF(AND(AF8&gt;=Apoio!$K$23,AF8&lt;Apoio!$M$23),Apoio!$H$23,
IF(AND(AF8&gt;=Apoio!$K$24,AF8&lt;Apoio!$M$24),Apoio!$H$24,
IF(AND(AF8&gt;=Apoio!$K$25,AF8&lt;Apoio!$M$25),Apoio!$H$25,
IF(AND(AF8&gt;=Apoio!$K$26,AF8&lt;Apoio!$M$26),Apoio!$H$26,
IF(AND(AF8&gt;=Apoio!$K$27,AF8&lt;Apoio!$M$27),Apoio!$H$27,
IF(AF8&gt;=Apoio!$K$28,Apoio!$H$28)))))))</f>
        <v>-</v>
      </c>
    </row>
    <row r="9" spans="1:35">
      <c r="A9" s="46"/>
      <c r="B9" s="4">
        <v>5</v>
      </c>
      <c r="C9" s="167" t="str">
        <f t="shared" si="1"/>
        <v/>
      </c>
      <c r="D9" s="4"/>
      <c r="E9" s="4"/>
      <c r="F9" s="4"/>
      <c r="G9" s="4"/>
      <c r="H9" s="47"/>
      <c r="I9" s="4"/>
      <c r="J9" s="4"/>
      <c r="K9" s="60" t="str">
        <f>IFERROR(
IF(J9="","",
VLOOKUP(J9,Apoio!$B$5:$F$9,2,0)),"-")</f>
        <v/>
      </c>
      <c r="L9" s="48"/>
      <c r="M9" s="49"/>
      <c r="N9" s="60" t="str">
        <f>IF(M9="","",
VLOOKUP(M9,Apoio!$H$4:$P$9,2,0))</f>
        <v/>
      </c>
      <c r="O9" s="60" t="str">
        <f>IF(M9="","",
VLOOKUP(M9,Apoio!$H$4:$P$9,4,0))</f>
        <v/>
      </c>
      <c r="P9" s="49"/>
      <c r="Q9" s="60" t="str">
        <f>IF(P9="","",
VLOOKUP(P9,Apoio!$H$13:$P$19,2,0))</f>
        <v/>
      </c>
      <c r="R9" s="60" t="str">
        <f>IF(P9="","",
VLOOKUP(P9,Apoio!$H$13:$P$19,4,0))</f>
        <v/>
      </c>
      <c r="S9" s="61" t="str">
        <f t="shared" si="0"/>
        <v/>
      </c>
      <c r="T9" s="60" t="str">
        <f>IF(OR(M9="",P9=""),"",
IF(S9&lt;=Apoio!$M$23,Apoio!$H$23,
IF(S9&lt;=Apoio!$M$24,Apoio!$H$24,
IF(S9&lt;=Apoio!$M$25,Apoio!$H$25,
IF(S9&lt;=Apoio!$M$26,Apoio!$H$26,
IF(S9&lt;=Apoio!$M$27,Apoio!$H$27,
IF(S9&gt;Apoio!$M$27,Apoio!$H$28,)))))))</f>
        <v/>
      </c>
      <c r="V9" s="59" t="str">
        <f>IFERROR(VLOOKUP('1. Ambiente'!D$6,Apoio!$R$4:$X$9,MATCH(T9,Apoio!$R$4:$X$4,0),0),"-")</f>
        <v>-</v>
      </c>
      <c r="W9" s="16"/>
      <c r="X9" s="73" t="str">
        <f>IF(W9="","",
VLOOKUP(W9,Apoio!$R$22:$S$25,2,0))</f>
        <v/>
      </c>
      <c r="Y9" s="70"/>
      <c r="Z9" s="52"/>
      <c r="AA9" s="16"/>
      <c r="AB9" s="17"/>
      <c r="AC9" s="17"/>
      <c r="AE9" s="165" t="str">
        <f>IFERROR(
IF(J9="","",
VLOOKUP(J9,Apoio!$B$5:$F$9,4,0)),"-")</f>
        <v/>
      </c>
      <c r="AF9" s="62" t="str">
        <f t="shared" si="2"/>
        <v>-</v>
      </c>
      <c r="AG9" s="165" t="str">
        <f>IF(AF9="-","-",
IF(AND(AF9&gt;=Apoio!$K$23,AF9&lt;Apoio!$M$23),Apoio!$H$23,
IF(AND(AF9&gt;=Apoio!$K$24,AF9&lt;Apoio!$M$24),Apoio!$H$24,
IF(AND(AF9&gt;=Apoio!$K$25,AF9&lt;Apoio!$M$25),Apoio!$H$25,
IF(AND(AF9&gt;=Apoio!$K$26,AF9&lt;Apoio!$M$26),Apoio!$H$26,
IF(AND(AF9&gt;=Apoio!$K$27,AF9&lt;Apoio!$M$27),Apoio!$H$27,
IF(AF9&gt;=Apoio!$K$28,Apoio!$H$28)))))))</f>
        <v>-</v>
      </c>
    </row>
    <row r="10" spans="1:35">
      <c r="A10" s="46"/>
      <c r="B10" s="4">
        <v>6</v>
      </c>
      <c r="C10" s="167" t="str">
        <f t="shared" si="1"/>
        <v/>
      </c>
      <c r="D10" s="4"/>
      <c r="E10" s="4"/>
      <c r="F10" s="4"/>
      <c r="G10" s="4"/>
      <c r="H10" s="47"/>
      <c r="I10" s="4"/>
      <c r="J10" s="4"/>
      <c r="K10" s="60" t="str">
        <f>IFERROR(
IF(J10="","",
VLOOKUP(J10,Apoio!$B$5:$F$9,2,0)),"-")</f>
        <v/>
      </c>
      <c r="L10" s="48"/>
      <c r="M10" s="49"/>
      <c r="N10" s="60" t="str">
        <f>IF(M10="","",
VLOOKUP(M10,Apoio!$H$4:$P$9,2,0))</f>
        <v/>
      </c>
      <c r="O10" s="60" t="str">
        <f>IF(M10="","",
VLOOKUP(M10,Apoio!$H$4:$P$9,4,0))</f>
        <v/>
      </c>
      <c r="P10" s="49"/>
      <c r="Q10" s="60" t="str">
        <f>IF(P10="","",
VLOOKUP(P10,Apoio!$H$13:$P$19,2,0))</f>
        <v/>
      </c>
      <c r="R10" s="60" t="str">
        <f>IF(P10="","",
VLOOKUP(P10,Apoio!$H$13:$P$19,4,0))</f>
        <v/>
      </c>
      <c r="S10" s="61" t="str">
        <f t="shared" si="0"/>
        <v/>
      </c>
      <c r="T10" s="60" t="str">
        <f>IF(OR(M10="",P10=""),"",
IF(S10&lt;=Apoio!$M$23,Apoio!$H$23,
IF(S10&lt;=Apoio!$M$24,Apoio!$H$24,
IF(S10&lt;=Apoio!$M$25,Apoio!$H$25,
IF(S10&lt;=Apoio!$M$26,Apoio!$H$26,
IF(S10&lt;=Apoio!$M$27,Apoio!$H$27,
IF(S10&gt;Apoio!$M$27,Apoio!$H$28,)))))))</f>
        <v/>
      </c>
      <c r="V10" s="59" t="str">
        <f>IFERROR(VLOOKUP('1. Ambiente'!D$6,Apoio!$R$4:$X$9,MATCH(T10,Apoio!$R$4:$X$4,0),0),"-")</f>
        <v>-</v>
      </c>
      <c r="W10" s="16"/>
      <c r="X10" s="73" t="str">
        <f>IF(W10="","",
VLOOKUP(W10,Apoio!$R$22:$S$25,2,0))</f>
        <v/>
      </c>
      <c r="Y10" s="52"/>
      <c r="Z10" s="52"/>
      <c r="AA10" s="16"/>
      <c r="AB10" s="17"/>
      <c r="AC10" s="17"/>
      <c r="AE10" s="165" t="str">
        <f>IFERROR(
IF(J10="","",
VLOOKUP(J10,Apoio!$B$5:$F$9,4,0)),"-")</f>
        <v/>
      </c>
      <c r="AF10" s="62" t="str">
        <f t="shared" si="2"/>
        <v>-</v>
      </c>
      <c r="AG10" s="165" t="str">
        <f>IF(AF10="-","-",
IF(AND(AF10&gt;=Apoio!$K$23,AF10&lt;Apoio!$M$23),Apoio!$H$23,
IF(AND(AF10&gt;=Apoio!$K$24,AF10&lt;Apoio!$M$24),Apoio!$H$24,
IF(AND(AF10&gt;=Apoio!$K$25,AF10&lt;Apoio!$M$25),Apoio!$H$25,
IF(AND(AF10&gt;=Apoio!$K$26,AF10&lt;Apoio!$M$26),Apoio!$H$26,
IF(AND(AF10&gt;=Apoio!$K$27,AF10&lt;Apoio!$M$27),Apoio!$H$27,
IF(AF10&gt;=Apoio!$K$28,Apoio!$H$28)))))))</f>
        <v>-</v>
      </c>
    </row>
    <row r="11" spans="1:35">
      <c r="A11" s="46"/>
      <c r="B11" s="4">
        <v>7</v>
      </c>
      <c r="C11" s="167" t="str">
        <f t="shared" si="1"/>
        <v/>
      </c>
      <c r="D11" s="4"/>
      <c r="E11" s="4"/>
      <c r="F11" s="4"/>
      <c r="G11" s="4"/>
      <c r="H11" s="47"/>
      <c r="I11" s="4"/>
      <c r="J11" s="4"/>
      <c r="K11" s="60" t="str">
        <f>IFERROR(
IF(J11="","",
VLOOKUP(J11,Apoio!$B$5:$F$9,2,0)),"-")</f>
        <v/>
      </c>
      <c r="L11" s="48"/>
      <c r="M11" s="49"/>
      <c r="N11" s="60" t="str">
        <f>IF(M11="","",
VLOOKUP(M11,Apoio!$H$4:$P$9,2,0))</f>
        <v/>
      </c>
      <c r="O11" s="60" t="str">
        <f>IF(M11="","",
VLOOKUP(M11,Apoio!$H$4:$P$9,4,0))</f>
        <v/>
      </c>
      <c r="P11" s="49"/>
      <c r="Q11" s="60" t="str">
        <f>IF(P11="","",
VLOOKUP(P11,Apoio!$H$13:$P$19,2,0))</f>
        <v/>
      </c>
      <c r="R11" s="60" t="str">
        <f>IF(P11="","",
VLOOKUP(P11,Apoio!$H$13:$P$19,4,0))</f>
        <v/>
      </c>
      <c r="S11" s="61" t="str">
        <f t="shared" si="0"/>
        <v/>
      </c>
      <c r="T11" s="60" t="str">
        <f>IF(OR(M11="",P11=""),"",
IF(S11&lt;=Apoio!$M$23,Apoio!$H$23,
IF(S11&lt;=Apoio!$M$24,Apoio!$H$24,
IF(S11&lt;=Apoio!$M$25,Apoio!$H$25,
IF(S11&lt;=Apoio!$M$26,Apoio!$H$26,
IF(S11&lt;=Apoio!$M$27,Apoio!$H$27,
IF(S11&gt;Apoio!$M$27,Apoio!$H$28,)))))))</f>
        <v/>
      </c>
      <c r="V11" s="59" t="str">
        <f>IFERROR(VLOOKUP('1. Ambiente'!D$6,Apoio!$R$4:$X$9,MATCH(T11,Apoio!$R$4:$X$4,0),0),"-")</f>
        <v>-</v>
      </c>
      <c r="W11" s="16"/>
      <c r="X11" s="73" t="str">
        <f>IF(W11="","",
VLOOKUP(W11,Apoio!$R$22:$S$25,2,0))</f>
        <v/>
      </c>
      <c r="Y11" s="52"/>
      <c r="Z11" s="52"/>
      <c r="AA11" s="16"/>
      <c r="AB11" s="17"/>
      <c r="AC11" s="17"/>
      <c r="AE11" s="165" t="str">
        <f>IFERROR(
IF(J11="","",
VLOOKUP(J11,Apoio!$B$5:$F$9,4,0)),"-")</f>
        <v/>
      </c>
      <c r="AF11" s="62" t="str">
        <f t="shared" si="2"/>
        <v>-</v>
      </c>
      <c r="AG11" s="165" t="str">
        <f>IF(AF11="-","-",
IF(AND(AF11&gt;=Apoio!$K$23,AF11&lt;Apoio!$M$23),Apoio!$H$23,
IF(AND(AF11&gt;=Apoio!$K$24,AF11&lt;Apoio!$M$24),Apoio!$H$24,
IF(AND(AF11&gt;=Apoio!$K$25,AF11&lt;Apoio!$M$25),Apoio!$H$25,
IF(AND(AF11&gt;=Apoio!$K$26,AF11&lt;Apoio!$M$26),Apoio!$H$26,
IF(AND(AF11&gt;=Apoio!$K$27,AF11&lt;Apoio!$M$27),Apoio!$H$27,
IF(AF11&gt;=Apoio!$K$28,Apoio!$H$28)))))))</f>
        <v>-</v>
      </c>
    </row>
    <row r="12" spans="1:35">
      <c r="A12" s="46"/>
      <c r="B12" s="4">
        <v>8</v>
      </c>
      <c r="C12" s="167" t="str">
        <f t="shared" si="1"/>
        <v/>
      </c>
      <c r="D12" s="4"/>
      <c r="E12" s="4"/>
      <c r="F12" s="4"/>
      <c r="G12" s="4"/>
      <c r="H12" s="47"/>
      <c r="I12" s="4"/>
      <c r="J12" s="4"/>
      <c r="K12" s="60" t="str">
        <f>IFERROR(
IF(J12="","",
VLOOKUP(J12,Apoio!$B$5:$F$9,2,0)),"-")</f>
        <v/>
      </c>
      <c r="L12" s="48"/>
      <c r="M12" s="49"/>
      <c r="N12" s="60" t="str">
        <f>IF(M12="","",
VLOOKUP(M12,Apoio!$H$4:$P$9,2,0))</f>
        <v/>
      </c>
      <c r="O12" s="60" t="str">
        <f>IF(M12="","",
VLOOKUP(M12,Apoio!$H$4:$P$9,4,0))</f>
        <v/>
      </c>
      <c r="P12" s="49"/>
      <c r="Q12" s="60" t="str">
        <f>IF(P12="","",
VLOOKUP(P12,Apoio!$H$13:$P$19,2,0))</f>
        <v/>
      </c>
      <c r="R12" s="60" t="str">
        <f>IF(P12="","",
VLOOKUP(P12,Apoio!$H$13:$P$19,4,0))</f>
        <v/>
      </c>
      <c r="S12" s="61" t="str">
        <f t="shared" si="0"/>
        <v/>
      </c>
      <c r="T12" s="60" t="str">
        <f>IF(OR(M12="",P12=""),"",
IF(S12&lt;=Apoio!$M$23,Apoio!$H$23,
IF(S12&lt;=Apoio!$M$24,Apoio!$H$24,
IF(S12&lt;=Apoio!$M$25,Apoio!$H$25,
IF(S12&lt;=Apoio!$M$26,Apoio!$H$26,
IF(S12&lt;=Apoio!$M$27,Apoio!$H$27,
IF(S12&gt;Apoio!$M$27,Apoio!$H$28,)))))))</f>
        <v/>
      </c>
      <c r="V12" s="59" t="str">
        <f>IFERROR(VLOOKUP('1. Ambiente'!D$6,Apoio!$R$4:$X$9,MATCH(T12,Apoio!$R$4:$X$4,0),0),"-")</f>
        <v>-</v>
      </c>
      <c r="W12" s="16"/>
      <c r="X12" s="73" t="str">
        <f>IF(W12="","",
VLOOKUP(W12,Apoio!$R$22:$S$25,2,0))</f>
        <v/>
      </c>
      <c r="Y12" s="52"/>
      <c r="Z12" s="52"/>
      <c r="AA12" s="16"/>
      <c r="AB12" s="17"/>
      <c r="AC12" s="17"/>
      <c r="AE12" s="165" t="str">
        <f>IFERROR(
IF(J12="","",
VLOOKUP(J12,Apoio!$B$5:$F$9,4,0)),"-")</f>
        <v/>
      </c>
      <c r="AF12" s="62" t="str">
        <f t="shared" si="2"/>
        <v>-</v>
      </c>
      <c r="AG12" s="165" t="str">
        <f>IF(AF12="-","-",
IF(AND(AF12&gt;=Apoio!$K$23,AF12&lt;Apoio!$M$23),Apoio!$H$23,
IF(AND(AF12&gt;=Apoio!$K$24,AF12&lt;Apoio!$M$24),Apoio!$H$24,
IF(AND(AF12&gt;=Apoio!$K$25,AF12&lt;Apoio!$M$25),Apoio!$H$25,
IF(AND(AF12&gt;=Apoio!$K$26,AF12&lt;Apoio!$M$26),Apoio!$H$26,
IF(AND(AF12&gt;=Apoio!$K$27,AF12&lt;Apoio!$M$27),Apoio!$H$27,
IF(AF12&gt;=Apoio!$K$28,Apoio!$H$28)))))))</f>
        <v>-</v>
      </c>
    </row>
    <row r="13" spans="1:35">
      <c r="A13" s="46"/>
      <c r="B13" s="4">
        <v>9</v>
      </c>
      <c r="C13" s="167" t="str">
        <f t="shared" si="1"/>
        <v/>
      </c>
      <c r="D13" s="4"/>
      <c r="E13" s="4"/>
      <c r="F13" s="4"/>
      <c r="G13" s="4"/>
      <c r="H13" s="47"/>
      <c r="I13" s="4"/>
      <c r="J13" s="4"/>
      <c r="K13" s="60" t="str">
        <f>IFERROR(
IF(J13="","",
VLOOKUP(J13,Apoio!$B$5:$F$9,2,0)),"-")</f>
        <v/>
      </c>
      <c r="L13" s="48"/>
      <c r="M13" s="49"/>
      <c r="N13" s="60" t="str">
        <f>IF(M13="","",
VLOOKUP(M13,Apoio!$H$4:$P$9,2,0))</f>
        <v/>
      </c>
      <c r="O13" s="60" t="str">
        <f>IF(M13="","",
VLOOKUP(M13,Apoio!$H$4:$P$9,4,0))</f>
        <v/>
      </c>
      <c r="P13" s="49"/>
      <c r="Q13" s="60" t="str">
        <f>IF(P13="","",
VLOOKUP(P13,Apoio!$H$13:$P$19,2,0))</f>
        <v/>
      </c>
      <c r="R13" s="60" t="str">
        <f>IF(P13="","",
VLOOKUP(P13,Apoio!$H$13:$P$19,4,0))</f>
        <v/>
      </c>
      <c r="S13" s="61" t="str">
        <f t="shared" si="0"/>
        <v/>
      </c>
      <c r="T13" s="60" t="str">
        <f>IF(OR(M13="",P13=""),"",
IF(S13&lt;=Apoio!$M$23,Apoio!$H$23,
IF(S13&lt;=Apoio!$M$24,Apoio!$H$24,
IF(S13&lt;=Apoio!$M$25,Apoio!$H$25,
IF(S13&lt;=Apoio!$M$26,Apoio!$H$26,
IF(S13&lt;=Apoio!$M$27,Apoio!$H$27,
IF(S13&gt;Apoio!$M$27,Apoio!$H$28,)))))))</f>
        <v/>
      </c>
      <c r="V13" s="59" t="str">
        <f>IFERROR(VLOOKUP('1. Ambiente'!D$6,Apoio!$R$4:$X$9,MATCH(T13,Apoio!$R$4:$X$4,0),0),"-")</f>
        <v>-</v>
      </c>
      <c r="W13" s="16"/>
      <c r="X13" s="73" t="str">
        <f>IF(W13="","",
VLOOKUP(W13,Apoio!$R$22:$S$25,2,0))</f>
        <v/>
      </c>
      <c r="Y13" s="52"/>
      <c r="Z13" s="52"/>
      <c r="AA13" s="16"/>
      <c r="AB13" s="17"/>
      <c r="AC13" s="17"/>
      <c r="AE13" s="165" t="str">
        <f>IFERROR(
IF(J13="","",
VLOOKUP(J13,Apoio!$B$5:$F$9,4,0)),"-")</f>
        <v/>
      </c>
      <c r="AF13" s="62" t="str">
        <f t="shared" si="2"/>
        <v>-</v>
      </c>
      <c r="AG13" s="165" t="str">
        <f>IF(AF13="-","-",
IF(AND(AF13&gt;=Apoio!$K$23,AF13&lt;Apoio!$M$23),Apoio!$H$23,
IF(AND(AF13&gt;=Apoio!$K$24,AF13&lt;Apoio!$M$24),Apoio!$H$24,
IF(AND(AF13&gt;=Apoio!$K$25,AF13&lt;Apoio!$M$25),Apoio!$H$25,
IF(AND(AF13&gt;=Apoio!$K$26,AF13&lt;Apoio!$M$26),Apoio!$H$26,
IF(AND(AF13&gt;=Apoio!$K$27,AF13&lt;Apoio!$M$27),Apoio!$H$27,
IF(AF13&gt;=Apoio!$K$28,Apoio!$H$28)))))))</f>
        <v>-</v>
      </c>
    </row>
    <row r="14" spans="1:35">
      <c r="A14" s="46"/>
      <c r="B14" s="4">
        <v>10</v>
      </c>
      <c r="C14" s="167" t="str">
        <f t="shared" si="1"/>
        <v/>
      </c>
      <c r="D14" s="4"/>
      <c r="E14" s="4"/>
      <c r="F14" s="4"/>
      <c r="G14" s="4"/>
      <c r="H14" s="47"/>
      <c r="I14" s="4"/>
      <c r="J14" s="4"/>
      <c r="K14" s="60" t="str">
        <f>IFERROR(
IF(J14="","",
VLOOKUP(J14,Apoio!$B$5:$F$9,2,0)),"-")</f>
        <v/>
      </c>
      <c r="L14" s="48"/>
      <c r="M14" s="49"/>
      <c r="N14" s="60" t="str">
        <f>IF(M14="","",
VLOOKUP(M14,Apoio!$H$4:$P$9,2,0))</f>
        <v/>
      </c>
      <c r="O14" s="60" t="str">
        <f>IF(M14="","",
VLOOKUP(M14,Apoio!$H$4:$P$9,4,0))</f>
        <v/>
      </c>
      <c r="P14" s="49"/>
      <c r="Q14" s="60" t="str">
        <f>IF(P14="","",
VLOOKUP(P14,Apoio!$H$13:$P$19,2,0))</f>
        <v/>
      </c>
      <c r="R14" s="60" t="str">
        <f>IF(P14="","",
VLOOKUP(P14,Apoio!$H$13:$P$19,4,0))</f>
        <v/>
      </c>
      <c r="S14" s="61" t="str">
        <f t="shared" si="0"/>
        <v/>
      </c>
      <c r="T14" s="60" t="str">
        <f>IF(OR(M14="",P14=""),"",
IF(S14&lt;=Apoio!$M$23,Apoio!$H$23,
IF(S14&lt;=Apoio!$M$24,Apoio!$H$24,
IF(S14&lt;=Apoio!$M$25,Apoio!$H$25,
IF(S14&lt;=Apoio!$M$26,Apoio!$H$26,
IF(S14&lt;=Apoio!$M$27,Apoio!$H$27,
IF(S14&gt;Apoio!$M$27,Apoio!$H$28,)))))))</f>
        <v/>
      </c>
      <c r="V14" s="59" t="str">
        <f>IFERROR(VLOOKUP('1. Ambiente'!D$6,Apoio!$R$4:$X$9,MATCH(T14,Apoio!$R$4:$X$4,0),0),"-")</f>
        <v>-</v>
      </c>
      <c r="W14" s="16"/>
      <c r="X14" s="73" t="str">
        <f>IF(W14="","",
VLOOKUP(W14,Apoio!$R$22:$S$25,2,0))</f>
        <v/>
      </c>
      <c r="Y14" s="52"/>
      <c r="Z14" s="52"/>
      <c r="AA14" s="16"/>
      <c r="AB14" s="17"/>
      <c r="AC14" s="17"/>
      <c r="AE14" s="165" t="str">
        <f>IFERROR(
IF(J14="","",
VLOOKUP(J14,Apoio!$B$5:$F$9,4,0)),"-")</f>
        <v/>
      </c>
      <c r="AF14" s="62" t="str">
        <f t="shared" si="2"/>
        <v>-</v>
      </c>
      <c r="AG14" s="165" t="str">
        <f>IF(AF14="-","-",
IF(AND(AF14&gt;=Apoio!$K$23,AF14&lt;Apoio!$M$23),Apoio!$H$23,
IF(AND(AF14&gt;=Apoio!$K$24,AF14&lt;Apoio!$M$24),Apoio!$H$24,
IF(AND(AF14&gt;=Apoio!$K$25,AF14&lt;Apoio!$M$25),Apoio!$H$25,
IF(AND(AF14&gt;=Apoio!$K$26,AF14&lt;Apoio!$M$26),Apoio!$H$26,
IF(AND(AF14&gt;=Apoio!$K$27,AF14&lt;Apoio!$M$27),Apoio!$H$27,
IF(AF14&gt;=Apoio!$K$28,Apoio!$H$28)))))))</f>
        <v>-</v>
      </c>
    </row>
    <row r="15" spans="1:35">
      <c r="A15" s="46"/>
      <c r="B15" s="4">
        <v>11</v>
      </c>
      <c r="C15" s="167" t="str">
        <f t="shared" si="1"/>
        <v/>
      </c>
      <c r="D15" s="4"/>
      <c r="E15" s="4"/>
      <c r="F15" s="4"/>
      <c r="G15" s="4"/>
      <c r="H15" s="47"/>
      <c r="I15" s="4"/>
      <c r="J15" s="4"/>
      <c r="K15" s="60" t="str">
        <f>IFERROR(
IF(J15="","",
VLOOKUP(J15,Apoio!$B$5:$F$9,2,0)),"-")</f>
        <v/>
      </c>
      <c r="L15" s="48"/>
      <c r="M15" s="49"/>
      <c r="N15" s="60" t="str">
        <f>IF(M15="","",
VLOOKUP(M15,Apoio!$H$4:$P$9,2,0))</f>
        <v/>
      </c>
      <c r="O15" s="60" t="str">
        <f>IF(M15="","",
VLOOKUP(M15,Apoio!$H$4:$P$9,4,0))</f>
        <v/>
      </c>
      <c r="P15" s="49"/>
      <c r="Q15" s="60" t="str">
        <f>IF(P15="","",
VLOOKUP(P15,Apoio!$H$13:$P$19,2,0))</f>
        <v/>
      </c>
      <c r="R15" s="60" t="str">
        <f>IF(P15="","",
VLOOKUP(P15,Apoio!$H$13:$P$19,4,0))</f>
        <v/>
      </c>
      <c r="S15" s="61" t="str">
        <f t="shared" si="0"/>
        <v/>
      </c>
      <c r="T15" s="60" t="str">
        <f>IF(OR(M15="",P15=""),"",
IF(S15&lt;=Apoio!$M$23,Apoio!$H$23,
IF(S15&lt;=Apoio!$M$24,Apoio!$H$24,
IF(S15&lt;=Apoio!$M$25,Apoio!$H$25,
IF(S15&lt;=Apoio!$M$26,Apoio!$H$26,
IF(S15&lt;=Apoio!$M$27,Apoio!$H$27,
IF(S15&gt;Apoio!$M$27,Apoio!$H$28,)))))))</f>
        <v/>
      </c>
      <c r="V15" s="59" t="str">
        <f>IFERROR(VLOOKUP('1. Ambiente'!D$6,Apoio!$R$4:$X$9,MATCH(T15,Apoio!$R$4:$X$4,0),0),"-")</f>
        <v>-</v>
      </c>
      <c r="W15" s="16"/>
      <c r="X15" s="73" t="str">
        <f>IF(W15="","",
VLOOKUP(W15,Apoio!$R$22:$S$25,2,0))</f>
        <v/>
      </c>
      <c r="Y15" s="52"/>
      <c r="Z15" s="52"/>
      <c r="AA15" s="16"/>
      <c r="AB15" s="17"/>
      <c r="AC15" s="17"/>
      <c r="AE15" s="165" t="str">
        <f>IFERROR(
IF(J15="","",
VLOOKUP(J15,Apoio!$B$5:$F$9,4,0)),"-")</f>
        <v/>
      </c>
      <c r="AF15" s="62" t="str">
        <f t="shared" si="2"/>
        <v>-</v>
      </c>
      <c r="AG15" s="165" t="str">
        <f>IF(AF15="-","-",
IF(AND(AF15&gt;=Apoio!$K$23,AF15&lt;Apoio!$M$23),Apoio!$H$23,
IF(AND(AF15&gt;=Apoio!$K$24,AF15&lt;Apoio!$M$24),Apoio!$H$24,
IF(AND(AF15&gt;=Apoio!$K$25,AF15&lt;Apoio!$M$25),Apoio!$H$25,
IF(AND(AF15&gt;=Apoio!$K$26,AF15&lt;Apoio!$M$26),Apoio!$H$26,
IF(AND(AF15&gt;=Apoio!$K$27,AF15&lt;Apoio!$M$27),Apoio!$H$27,
IF(AF15&gt;=Apoio!$K$28,Apoio!$H$28)))))))</f>
        <v>-</v>
      </c>
    </row>
    <row r="16" spans="1:35">
      <c r="A16" s="46"/>
      <c r="B16" s="4">
        <v>12</v>
      </c>
      <c r="C16" s="167" t="str">
        <f t="shared" si="1"/>
        <v/>
      </c>
      <c r="D16" s="4"/>
      <c r="E16" s="4"/>
      <c r="F16" s="4"/>
      <c r="G16" s="4"/>
      <c r="H16" s="47"/>
      <c r="I16" s="4"/>
      <c r="J16" s="4"/>
      <c r="K16" s="60" t="str">
        <f>IFERROR(
IF(J16="","",
VLOOKUP(J16,Apoio!$B$5:$F$9,2,0)),"-")</f>
        <v/>
      </c>
      <c r="L16" s="48"/>
      <c r="M16" s="49"/>
      <c r="N16" s="60" t="str">
        <f>IF(M16="","",
VLOOKUP(M16,Apoio!$H$4:$P$9,2,0))</f>
        <v/>
      </c>
      <c r="O16" s="60" t="str">
        <f>IF(M16="","",
VLOOKUP(M16,Apoio!$H$4:$P$9,4,0))</f>
        <v/>
      </c>
      <c r="P16" s="49"/>
      <c r="Q16" s="60" t="str">
        <f>IF(P16="","",
VLOOKUP(P16,Apoio!$H$13:$P$19,2,0))</f>
        <v/>
      </c>
      <c r="R16" s="60" t="str">
        <f>IF(P16="","",
VLOOKUP(P16,Apoio!$H$13:$P$19,4,0))</f>
        <v/>
      </c>
      <c r="S16" s="61" t="str">
        <f t="shared" si="0"/>
        <v/>
      </c>
      <c r="T16" s="60" t="str">
        <f>IF(OR(M16="",P16=""),"",
IF(S16&lt;=Apoio!$M$23,Apoio!$H$23,
IF(S16&lt;=Apoio!$M$24,Apoio!$H$24,
IF(S16&lt;=Apoio!$M$25,Apoio!$H$25,
IF(S16&lt;=Apoio!$M$26,Apoio!$H$26,
IF(S16&lt;=Apoio!$M$27,Apoio!$H$27,
IF(S16&gt;Apoio!$M$27,Apoio!$H$28,)))))))</f>
        <v/>
      </c>
      <c r="V16" s="59" t="str">
        <f>IFERROR(VLOOKUP('1. Ambiente'!D$6,Apoio!$R$4:$X$9,MATCH(T16,Apoio!$R$4:$X$4,0),0),"-")</f>
        <v>-</v>
      </c>
      <c r="W16" s="16"/>
      <c r="X16" s="73" t="str">
        <f>IF(W16="","",
VLOOKUP(W16,Apoio!$R$22:$S$25,2,0))</f>
        <v/>
      </c>
      <c r="Y16" s="52"/>
      <c r="Z16" s="52"/>
      <c r="AA16" s="16"/>
      <c r="AB16" s="17"/>
      <c r="AC16" s="17"/>
      <c r="AE16" s="165" t="str">
        <f>IFERROR(
IF(J16="","",
VLOOKUP(J16,Apoio!$B$5:$F$9,4,0)),"-")</f>
        <v/>
      </c>
      <c r="AF16" s="62" t="str">
        <f t="shared" si="2"/>
        <v>-</v>
      </c>
      <c r="AG16" s="165" t="str">
        <f>IF(AF16="-","-",
IF(AND(AF16&gt;=Apoio!$K$23,AF16&lt;Apoio!$M$23),Apoio!$H$23,
IF(AND(AF16&gt;=Apoio!$K$24,AF16&lt;Apoio!$M$24),Apoio!$H$24,
IF(AND(AF16&gt;=Apoio!$K$25,AF16&lt;Apoio!$M$25),Apoio!$H$25,
IF(AND(AF16&gt;=Apoio!$K$26,AF16&lt;Apoio!$M$26),Apoio!$H$26,
IF(AND(AF16&gt;=Apoio!$K$27,AF16&lt;Apoio!$M$27),Apoio!$H$27,
IF(AF16&gt;=Apoio!$K$28,Apoio!$H$28)))))))</f>
        <v>-</v>
      </c>
    </row>
    <row r="17" spans="1:33">
      <c r="A17" s="46"/>
      <c r="B17" s="4">
        <v>13</v>
      </c>
      <c r="C17" s="167" t="str">
        <f t="shared" si="1"/>
        <v/>
      </c>
      <c r="D17" s="4"/>
      <c r="E17" s="4"/>
      <c r="F17" s="4"/>
      <c r="G17" s="4"/>
      <c r="H17" s="47"/>
      <c r="I17" s="4"/>
      <c r="J17" s="4"/>
      <c r="K17" s="60" t="str">
        <f>IFERROR(
IF(J17="","",
VLOOKUP(J17,Apoio!$B$5:$F$9,2,0)),"-")</f>
        <v/>
      </c>
      <c r="L17" s="48"/>
      <c r="M17" s="49"/>
      <c r="N17" s="60" t="str">
        <f>IF(M17="","",
VLOOKUP(M17,Apoio!$H$4:$P$9,2,0))</f>
        <v/>
      </c>
      <c r="O17" s="60" t="str">
        <f>IF(M17="","",
VLOOKUP(M17,Apoio!$H$4:$P$9,4,0))</f>
        <v/>
      </c>
      <c r="P17" s="49"/>
      <c r="Q17" s="60" t="str">
        <f>IF(P17="","",
VLOOKUP(P17,Apoio!$H$13:$P$19,2,0))</f>
        <v/>
      </c>
      <c r="R17" s="60" t="str">
        <f>IF(P17="","",
VLOOKUP(P17,Apoio!$H$13:$P$19,4,0))</f>
        <v/>
      </c>
      <c r="S17" s="61" t="str">
        <f t="shared" si="0"/>
        <v/>
      </c>
      <c r="T17" s="60" t="str">
        <f>IF(OR(M17="",P17=""),"",
IF(S17&lt;=Apoio!$M$23,Apoio!$H$23,
IF(S17&lt;=Apoio!$M$24,Apoio!$H$24,
IF(S17&lt;=Apoio!$M$25,Apoio!$H$25,
IF(S17&lt;=Apoio!$M$26,Apoio!$H$26,
IF(S17&lt;=Apoio!$M$27,Apoio!$H$27,
IF(S17&gt;Apoio!$M$27,Apoio!$H$28,)))))))</f>
        <v/>
      </c>
      <c r="V17" s="59" t="str">
        <f>IFERROR(VLOOKUP('1. Ambiente'!D$6,Apoio!$R$4:$X$9,MATCH(T17,Apoio!$R$4:$X$4,0),0),"-")</f>
        <v>-</v>
      </c>
      <c r="W17" s="16"/>
      <c r="X17" s="73" t="str">
        <f>IF(W17="","",
VLOOKUP(W17,Apoio!$R$22:$S$25,2,0))</f>
        <v/>
      </c>
      <c r="Y17" s="52"/>
      <c r="Z17" s="52"/>
      <c r="AA17" s="16"/>
      <c r="AB17" s="17"/>
      <c r="AC17" s="17"/>
      <c r="AE17" s="165" t="str">
        <f>IFERROR(
IF(J17="","",
VLOOKUP(J17,Apoio!$B$5:$F$9,4,0)),"-")</f>
        <v/>
      </c>
      <c r="AF17" s="62" t="str">
        <f t="shared" si="2"/>
        <v>-</v>
      </c>
      <c r="AG17" s="165" t="str">
        <f>IF(AF17="-","-",
IF(AND(AF17&gt;=Apoio!$K$23,AF17&lt;Apoio!$M$23),Apoio!$H$23,
IF(AND(AF17&gt;=Apoio!$K$24,AF17&lt;Apoio!$M$24),Apoio!$H$24,
IF(AND(AF17&gt;=Apoio!$K$25,AF17&lt;Apoio!$M$25),Apoio!$H$25,
IF(AND(AF17&gt;=Apoio!$K$26,AF17&lt;Apoio!$M$26),Apoio!$H$26,
IF(AND(AF17&gt;=Apoio!$K$27,AF17&lt;Apoio!$M$27),Apoio!$H$27,
IF(AF17&gt;=Apoio!$K$28,Apoio!$H$28)))))))</f>
        <v>-</v>
      </c>
    </row>
    <row r="18" spans="1:33">
      <c r="A18" s="46"/>
      <c r="B18" s="4">
        <v>14</v>
      </c>
      <c r="C18" s="167" t="str">
        <f t="shared" si="1"/>
        <v/>
      </c>
      <c r="D18" s="4"/>
      <c r="E18" s="4"/>
      <c r="F18" s="4"/>
      <c r="G18" s="4"/>
      <c r="H18" s="47"/>
      <c r="I18" s="4"/>
      <c r="J18" s="4"/>
      <c r="K18" s="60" t="str">
        <f>IFERROR(
IF(J18="","",
VLOOKUP(J18,Apoio!$B$5:$F$9,2,0)),"-")</f>
        <v/>
      </c>
      <c r="L18" s="48"/>
      <c r="M18" s="49"/>
      <c r="N18" s="60" t="str">
        <f>IF(M18="","",
VLOOKUP(M18,Apoio!$H$4:$P$9,2,0))</f>
        <v/>
      </c>
      <c r="O18" s="60" t="str">
        <f>IF(M18="","",
VLOOKUP(M18,Apoio!$H$4:$P$9,4,0))</f>
        <v/>
      </c>
      <c r="P18" s="49"/>
      <c r="Q18" s="60" t="str">
        <f>IF(P18="","",
VLOOKUP(P18,Apoio!$H$13:$P$19,2,0))</f>
        <v/>
      </c>
      <c r="R18" s="60" t="str">
        <f>IF(P18="","",
VLOOKUP(P18,Apoio!$H$13:$P$19,4,0))</f>
        <v/>
      </c>
      <c r="S18" s="61" t="str">
        <f t="shared" si="0"/>
        <v/>
      </c>
      <c r="T18" s="60" t="str">
        <f>IF(OR(M18="",P18=""),"",
IF(S18&lt;=Apoio!$M$23,Apoio!$H$23,
IF(S18&lt;=Apoio!$M$24,Apoio!$H$24,
IF(S18&lt;=Apoio!$M$25,Apoio!$H$25,
IF(S18&lt;=Apoio!$M$26,Apoio!$H$26,
IF(S18&lt;=Apoio!$M$27,Apoio!$H$27,
IF(S18&gt;Apoio!$M$27,Apoio!$H$28,)))))))</f>
        <v/>
      </c>
      <c r="V18" s="59" t="str">
        <f>IFERROR(VLOOKUP('1. Ambiente'!D$6,Apoio!$R$4:$X$9,MATCH(T18,Apoio!$R$4:$X$4,0),0),"-")</f>
        <v>-</v>
      </c>
      <c r="W18" s="16"/>
      <c r="X18" s="73" t="str">
        <f>IF(W18="","",
VLOOKUP(W18,Apoio!$R$22:$S$25,2,0))</f>
        <v/>
      </c>
      <c r="Y18" s="52"/>
      <c r="Z18" s="52"/>
      <c r="AA18" s="16"/>
      <c r="AB18" s="17"/>
      <c r="AC18" s="17"/>
      <c r="AE18" s="165" t="str">
        <f>IFERROR(
IF(J18="","",
VLOOKUP(J18,Apoio!$B$5:$F$9,4,0)),"-")</f>
        <v/>
      </c>
      <c r="AF18" s="62" t="str">
        <f t="shared" si="2"/>
        <v>-</v>
      </c>
      <c r="AG18" s="165" t="str">
        <f>IF(AF18="-","-",
IF(AND(AF18&gt;=Apoio!$K$23,AF18&lt;Apoio!$M$23),Apoio!$H$23,
IF(AND(AF18&gt;=Apoio!$K$24,AF18&lt;Apoio!$M$24),Apoio!$H$24,
IF(AND(AF18&gt;=Apoio!$K$25,AF18&lt;Apoio!$M$25),Apoio!$H$25,
IF(AND(AF18&gt;=Apoio!$K$26,AF18&lt;Apoio!$M$26),Apoio!$H$26,
IF(AND(AF18&gt;=Apoio!$K$27,AF18&lt;Apoio!$M$27),Apoio!$H$27,
IF(AF18&gt;=Apoio!$K$28,Apoio!$H$28)))))))</f>
        <v>-</v>
      </c>
    </row>
    <row r="19" spans="1:33">
      <c r="A19" s="46"/>
      <c r="B19" s="4">
        <v>15</v>
      </c>
      <c r="C19" s="167" t="str">
        <f t="shared" si="1"/>
        <v/>
      </c>
      <c r="D19" s="4"/>
      <c r="E19" s="4"/>
      <c r="F19" s="4"/>
      <c r="G19" s="4"/>
      <c r="H19" s="47"/>
      <c r="I19" s="4"/>
      <c r="J19" s="4"/>
      <c r="K19" s="60" t="str">
        <f>IFERROR(
IF(J19="","",
VLOOKUP(J19,Apoio!$B$5:$F$9,2,0)),"-")</f>
        <v/>
      </c>
      <c r="L19" s="48"/>
      <c r="M19" s="49"/>
      <c r="N19" s="60" t="str">
        <f>IF(M19="","",
VLOOKUP(M19,Apoio!$H$4:$P$9,2,0))</f>
        <v/>
      </c>
      <c r="O19" s="60" t="str">
        <f>IF(M19="","",
VLOOKUP(M19,Apoio!$H$4:$P$9,4,0))</f>
        <v/>
      </c>
      <c r="P19" s="49"/>
      <c r="Q19" s="60" t="str">
        <f>IF(P19="","",
VLOOKUP(P19,Apoio!$H$13:$P$19,2,0))</f>
        <v/>
      </c>
      <c r="R19" s="60" t="str">
        <f>IF(P19="","",
VLOOKUP(P19,Apoio!$H$13:$P$19,4,0))</f>
        <v/>
      </c>
      <c r="S19" s="61" t="str">
        <f t="shared" si="0"/>
        <v/>
      </c>
      <c r="T19" s="60" t="str">
        <f>IF(OR(M19="",P19=""),"",
IF(S19&lt;=Apoio!$M$23,Apoio!$H$23,
IF(S19&lt;=Apoio!$M$24,Apoio!$H$24,
IF(S19&lt;=Apoio!$M$25,Apoio!$H$25,
IF(S19&lt;=Apoio!$M$26,Apoio!$H$26,
IF(S19&lt;=Apoio!$M$27,Apoio!$H$27,
IF(S19&gt;Apoio!$M$27,Apoio!$H$28,)))))))</f>
        <v/>
      </c>
      <c r="V19" s="59" t="str">
        <f>IFERROR(VLOOKUP('1. Ambiente'!D$6,Apoio!$R$4:$X$9,MATCH(T19,Apoio!$R$4:$X$4,0),0),"-")</f>
        <v>-</v>
      </c>
      <c r="W19" s="16"/>
      <c r="X19" s="73" t="str">
        <f>IF(W19="","",
VLOOKUP(W19,Apoio!$R$22:$S$25,2,0))</f>
        <v/>
      </c>
      <c r="Y19" s="52"/>
      <c r="Z19" s="52"/>
      <c r="AA19" s="16"/>
      <c r="AB19" s="17"/>
      <c r="AC19" s="17"/>
      <c r="AE19" s="165" t="str">
        <f>IFERROR(
IF(J19="","",
VLOOKUP(J19,Apoio!$B$5:$F$9,4,0)),"-")</f>
        <v/>
      </c>
      <c r="AF19" s="62" t="str">
        <f t="shared" si="2"/>
        <v>-</v>
      </c>
      <c r="AG19" s="165" t="str">
        <f>IF(AF19="-","-",
IF(AND(AF19&gt;=Apoio!$K$23,AF19&lt;Apoio!$M$23),Apoio!$H$23,
IF(AND(AF19&gt;=Apoio!$K$24,AF19&lt;Apoio!$M$24),Apoio!$H$24,
IF(AND(AF19&gt;=Apoio!$K$25,AF19&lt;Apoio!$M$25),Apoio!$H$25,
IF(AND(AF19&gt;=Apoio!$K$26,AF19&lt;Apoio!$M$26),Apoio!$H$26,
IF(AND(AF19&gt;=Apoio!$K$27,AF19&lt;Apoio!$M$27),Apoio!$H$27,
IF(AF19&gt;=Apoio!$K$28,Apoio!$H$28)))))))</f>
        <v>-</v>
      </c>
    </row>
    <row r="20" spans="1:33">
      <c r="A20" s="46"/>
      <c r="B20" s="4">
        <v>16</v>
      </c>
      <c r="C20" s="167" t="str">
        <f t="shared" si="1"/>
        <v/>
      </c>
      <c r="D20" s="4"/>
      <c r="E20" s="4"/>
      <c r="F20" s="4"/>
      <c r="G20" s="4"/>
      <c r="H20" s="47"/>
      <c r="I20" s="4"/>
      <c r="J20" s="4"/>
      <c r="K20" s="60" t="str">
        <f>IFERROR(
IF(J20="","",
VLOOKUP(J20,Apoio!$B$5:$F$9,2,0)),"-")</f>
        <v/>
      </c>
      <c r="L20" s="48"/>
      <c r="M20" s="49"/>
      <c r="N20" s="60" t="str">
        <f>IF(M20="","",
VLOOKUP(M20,Apoio!$H$4:$P$9,2,0))</f>
        <v/>
      </c>
      <c r="O20" s="60" t="str">
        <f>IF(M20="","",
VLOOKUP(M20,Apoio!$H$4:$P$9,4,0))</f>
        <v/>
      </c>
      <c r="P20" s="49"/>
      <c r="Q20" s="60" t="str">
        <f>IF(P20="","",
VLOOKUP(P20,Apoio!$H$13:$P$19,2,0))</f>
        <v/>
      </c>
      <c r="R20" s="60" t="str">
        <f>IF(P20="","",
VLOOKUP(P20,Apoio!$H$13:$P$19,4,0))</f>
        <v/>
      </c>
      <c r="S20" s="61" t="str">
        <f t="shared" si="0"/>
        <v/>
      </c>
      <c r="T20" s="60" t="str">
        <f>IF(OR(M20="",P20=""),"",
IF(S20&lt;=Apoio!$M$23,Apoio!$H$23,
IF(S20&lt;=Apoio!$M$24,Apoio!$H$24,
IF(S20&lt;=Apoio!$M$25,Apoio!$H$25,
IF(S20&lt;=Apoio!$M$26,Apoio!$H$26,
IF(S20&lt;=Apoio!$M$27,Apoio!$H$27,
IF(S20&gt;Apoio!$M$27,Apoio!$H$28,)))))))</f>
        <v/>
      </c>
      <c r="V20" s="59" t="str">
        <f>IFERROR(VLOOKUP('1. Ambiente'!D$6,Apoio!$R$4:$X$9,MATCH(T20,Apoio!$R$4:$X$4,0),0),"-")</f>
        <v>-</v>
      </c>
      <c r="W20" s="16"/>
      <c r="X20" s="73" t="str">
        <f>IF(W20="","",
VLOOKUP(W20,Apoio!$R$22:$S$25,2,0))</f>
        <v/>
      </c>
      <c r="Y20" s="52"/>
      <c r="Z20" s="52"/>
      <c r="AA20" s="16"/>
      <c r="AB20" s="17"/>
      <c r="AC20" s="17"/>
      <c r="AE20" s="165" t="str">
        <f>IFERROR(
IF(J20="","",
VLOOKUP(J20,Apoio!$B$5:$F$9,4,0)),"-")</f>
        <v/>
      </c>
      <c r="AF20" s="62" t="str">
        <f t="shared" si="2"/>
        <v>-</v>
      </c>
      <c r="AG20" s="165" t="str">
        <f>IF(AF20="-","-",
IF(AND(AF20&gt;=Apoio!$K$23,AF20&lt;Apoio!$M$23),Apoio!$H$23,
IF(AND(AF20&gt;=Apoio!$K$24,AF20&lt;Apoio!$M$24),Apoio!$H$24,
IF(AND(AF20&gt;=Apoio!$K$25,AF20&lt;Apoio!$M$25),Apoio!$H$25,
IF(AND(AF20&gt;=Apoio!$K$26,AF20&lt;Apoio!$M$26),Apoio!$H$26,
IF(AND(AF20&gt;=Apoio!$K$27,AF20&lt;Apoio!$M$27),Apoio!$H$27,
IF(AF20&gt;=Apoio!$K$28,Apoio!$H$28)))))))</f>
        <v>-</v>
      </c>
    </row>
    <row r="21" spans="1:33">
      <c r="A21" s="46"/>
      <c r="B21" s="4">
        <v>17</v>
      </c>
      <c r="C21" s="167" t="str">
        <f t="shared" si="1"/>
        <v/>
      </c>
      <c r="D21" s="4"/>
      <c r="E21" s="4"/>
      <c r="F21" s="4"/>
      <c r="G21" s="4"/>
      <c r="H21" s="47"/>
      <c r="I21" s="4"/>
      <c r="J21" s="4"/>
      <c r="K21" s="60" t="str">
        <f>IFERROR(
IF(J21="","",
VLOOKUP(J21,Apoio!$B$5:$F$9,2,0)),"-")</f>
        <v/>
      </c>
      <c r="L21" s="48"/>
      <c r="M21" s="49"/>
      <c r="N21" s="60" t="str">
        <f>IF(M21="","",
VLOOKUP(M21,Apoio!$H$4:$P$9,2,0))</f>
        <v/>
      </c>
      <c r="O21" s="60" t="str">
        <f>IF(M21="","",
VLOOKUP(M21,Apoio!$H$4:$P$9,4,0))</f>
        <v/>
      </c>
      <c r="P21" s="49"/>
      <c r="Q21" s="60" t="str">
        <f>IF(P21="","",
VLOOKUP(P21,Apoio!$H$13:$P$19,2,0))</f>
        <v/>
      </c>
      <c r="R21" s="60" t="str">
        <f>IF(P21="","",
VLOOKUP(P21,Apoio!$H$13:$P$19,4,0))</f>
        <v/>
      </c>
      <c r="S21" s="61" t="str">
        <f t="shared" si="0"/>
        <v/>
      </c>
      <c r="T21" s="60" t="str">
        <f>IF(OR(M21="",P21=""),"",
IF(S21&lt;=Apoio!$M$23,Apoio!$H$23,
IF(S21&lt;=Apoio!$M$24,Apoio!$H$24,
IF(S21&lt;=Apoio!$M$25,Apoio!$H$25,
IF(S21&lt;=Apoio!$M$26,Apoio!$H$26,
IF(S21&lt;=Apoio!$M$27,Apoio!$H$27,
IF(S21&gt;Apoio!$M$27,Apoio!$H$28,)))))))</f>
        <v/>
      </c>
      <c r="V21" s="59" t="str">
        <f>IFERROR(VLOOKUP('1. Ambiente'!D$6,Apoio!$R$4:$X$9,MATCH(T21,Apoio!$R$4:$X$4,0),0),"-")</f>
        <v>-</v>
      </c>
      <c r="W21" s="16"/>
      <c r="X21" s="73" t="str">
        <f>IF(W21="","",
VLOOKUP(W21,Apoio!$R$22:$S$25,2,0))</f>
        <v/>
      </c>
      <c r="Y21" s="52"/>
      <c r="Z21" s="52"/>
      <c r="AA21" s="16"/>
      <c r="AB21" s="17"/>
      <c r="AC21" s="17"/>
      <c r="AE21" s="165" t="str">
        <f>IFERROR(
IF(J21="","",
VLOOKUP(J21,Apoio!$B$5:$F$9,4,0)),"-")</f>
        <v/>
      </c>
      <c r="AF21" s="62" t="str">
        <f t="shared" si="2"/>
        <v>-</v>
      </c>
      <c r="AG21" s="165" t="str">
        <f>IF(AF21="-","-",
IF(AND(AF21&gt;=Apoio!$K$23,AF21&lt;Apoio!$M$23),Apoio!$H$23,
IF(AND(AF21&gt;=Apoio!$K$24,AF21&lt;Apoio!$M$24),Apoio!$H$24,
IF(AND(AF21&gt;=Apoio!$K$25,AF21&lt;Apoio!$M$25),Apoio!$H$25,
IF(AND(AF21&gt;=Apoio!$K$26,AF21&lt;Apoio!$M$26),Apoio!$H$26,
IF(AND(AF21&gt;=Apoio!$K$27,AF21&lt;Apoio!$M$27),Apoio!$H$27,
IF(AF21&gt;=Apoio!$K$28,Apoio!$H$28)))))))</f>
        <v>-</v>
      </c>
    </row>
    <row r="22" spans="1:33">
      <c r="A22" s="46"/>
      <c r="B22" s="4">
        <v>18</v>
      </c>
      <c r="C22" s="167" t="str">
        <f t="shared" si="1"/>
        <v/>
      </c>
      <c r="D22" s="4"/>
      <c r="E22" s="4"/>
      <c r="F22" s="4"/>
      <c r="G22" s="4"/>
      <c r="H22" s="47"/>
      <c r="I22" s="4"/>
      <c r="J22" s="4"/>
      <c r="K22" s="60" t="str">
        <f>IFERROR(
IF(J22="","",
VLOOKUP(J22,Apoio!$B$5:$F$9,2,0)),"-")</f>
        <v/>
      </c>
      <c r="L22" s="48"/>
      <c r="M22" s="49"/>
      <c r="N22" s="60" t="str">
        <f>IF(M22="","",
VLOOKUP(M22,Apoio!$H$4:$P$9,2,0))</f>
        <v/>
      </c>
      <c r="O22" s="60" t="str">
        <f>IF(M22="","",
VLOOKUP(M22,Apoio!$H$4:$P$9,4,0))</f>
        <v/>
      </c>
      <c r="P22" s="49"/>
      <c r="Q22" s="60" t="str">
        <f>IF(P22="","",
VLOOKUP(P22,Apoio!$H$13:$P$19,2,0))</f>
        <v/>
      </c>
      <c r="R22" s="60" t="str">
        <f>IF(P22="","",
VLOOKUP(P22,Apoio!$H$13:$P$19,4,0))</f>
        <v/>
      </c>
      <c r="S22" s="61" t="str">
        <f t="shared" si="0"/>
        <v/>
      </c>
      <c r="T22" s="60" t="str">
        <f>IF(OR(M22="",P22=""),"",
IF(S22&lt;=Apoio!$M$23,Apoio!$H$23,
IF(S22&lt;=Apoio!$M$24,Apoio!$H$24,
IF(S22&lt;=Apoio!$M$25,Apoio!$H$25,
IF(S22&lt;=Apoio!$M$26,Apoio!$H$26,
IF(S22&lt;=Apoio!$M$27,Apoio!$H$27,
IF(S22&gt;Apoio!$M$27,Apoio!$H$28,)))))))</f>
        <v/>
      </c>
      <c r="V22" s="59" t="str">
        <f>IFERROR(VLOOKUP('1. Ambiente'!D$6,Apoio!$R$4:$X$9,MATCH(T22,Apoio!$R$4:$X$4,0),0),"-")</f>
        <v>-</v>
      </c>
      <c r="W22" s="16"/>
      <c r="X22" s="73" t="str">
        <f>IF(W22="","",
VLOOKUP(W22,Apoio!$R$22:$S$25,2,0))</f>
        <v/>
      </c>
      <c r="Y22" s="52"/>
      <c r="Z22" s="52"/>
      <c r="AA22" s="16"/>
      <c r="AB22" s="17"/>
      <c r="AC22" s="17"/>
      <c r="AE22" s="165" t="str">
        <f>IFERROR(
IF(J22="","",
VLOOKUP(J22,Apoio!$B$5:$F$9,4,0)),"-")</f>
        <v/>
      </c>
      <c r="AF22" s="62" t="str">
        <f t="shared" si="2"/>
        <v>-</v>
      </c>
      <c r="AG22" s="165" t="str">
        <f>IF(AF22="-","-",
IF(AND(AF22&gt;=Apoio!$K$23,AF22&lt;Apoio!$M$23),Apoio!$H$23,
IF(AND(AF22&gt;=Apoio!$K$24,AF22&lt;Apoio!$M$24),Apoio!$H$24,
IF(AND(AF22&gt;=Apoio!$K$25,AF22&lt;Apoio!$M$25),Apoio!$H$25,
IF(AND(AF22&gt;=Apoio!$K$26,AF22&lt;Apoio!$M$26),Apoio!$H$26,
IF(AND(AF22&gt;=Apoio!$K$27,AF22&lt;Apoio!$M$27),Apoio!$H$27,
IF(AF22&gt;=Apoio!$K$28,Apoio!$H$28)))))))</f>
        <v>-</v>
      </c>
    </row>
    <row r="23" spans="1:33">
      <c r="A23" s="46"/>
      <c r="B23" s="4">
        <v>19</v>
      </c>
      <c r="C23" s="167" t="str">
        <f t="shared" si="1"/>
        <v/>
      </c>
      <c r="D23" s="4"/>
      <c r="E23" s="4"/>
      <c r="F23" s="4"/>
      <c r="G23" s="4"/>
      <c r="H23" s="47"/>
      <c r="I23" s="4"/>
      <c r="J23" s="4"/>
      <c r="K23" s="60" t="str">
        <f>IFERROR(
IF(J23="","",
VLOOKUP(J23,Apoio!$B$5:$F$9,2,0)),"-")</f>
        <v/>
      </c>
      <c r="L23" s="48"/>
      <c r="M23" s="49"/>
      <c r="N23" s="60" t="str">
        <f>IF(M23="","",
VLOOKUP(M23,Apoio!$H$4:$P$9,2,0))</f>
        <v/>
      </c>
      <c r="O23" s="60" t="str">
        <f>IF(M23="","",
VLOOKUP(M23,Apoio!$H$4:$P$9,4,0))</f>
        <v/>
      </c>
      <c r="P23" s="49"/>
      <c r="Q23" s="60" t="str">
        <f>IF(P23="","",
VLOOKUP(P23,Apoio!$H$13:$P$19,2,0))</f>
        <v/>
      </c>
      <c r="R23" s="60" t="str">
        <f>IF(P23="","",
VLOOKUP(P23,Apoio!$H$13:$P$19,4,0))</f>
        <v/>
      </c>
      <c r="S23" s="61" t="str">
        <f t="shared" si="0"/>
        <v/>
      </c>
      <c r="T23" s="60" t="str">
        <f>IF(OR(M23="",P23=""),"",
IF(S23&lt;=Apoio!$M$23,Apoio!$H$23,
IF(S23&lt;=Apoio!$M$24,Apoio!$H$24,
IF(S23&lt;=Apoio!$M$25,Apoio!$H$25,
IF(S23&lt;=Apoio!$M$26,Apoio!$H$26,
IF(S23&lt;=Apoio!$M$27,Apoio!$H$27,
IF(S23&gt;Apoio!$M$27,Apoio!$H$28,)))))))</f>
        <v/>
      </c>
      <c r="V23" s="59" t="str">
        <f>IFERROR(VLOOKUP('1. Ambiente'!D$6,Apoio!$R$4:$X$9,MATCH(T23,Apoio!$R$4:$X$4,0),0),"-")</f>
        <v>-</v>
      </c>
      <c r="W23" s="16"/>
      <c r="X23" s="73" t="str">
        <f>IF(W23="","",
VLOOKUP(W23,Apoio!$R$22:$S$25,2,0))</f>
        <v/>
      </c>
      <c r="Y23" s="52"/>
      <c r="Z23" s="52"/>
      <c r="AA23" s="16"/>
      <c r="AB23" s="17"/>
      <c r="AC23" s="17"/>
      <c r="AE23" s="165" t="str">
        <f>IFERROR(
IF(J23="","",
VLOOKUP(J23,Apoio!$B$5:$F$9,4,0)),"-")</f>
        <v/>
      </c>
      <c r="AF23" s="62" t="str">
        <f t="shared" si="2"/>
        <v>-</v>
      </c>
      <c r="AG23" s="165" t="str">
        <f>IF(AF23="-","-",
IF(AND(AF23&gt;=Apoio!$K$23,AF23&lt;Apoio!$M$23),Apoio!$H$23,
IF(AND(AF23&gt;=Apoio!$K$24,AF23&lt;Apoio!$M$24),Apoio!$H$24,
IF(AND(AF23&gt;=Apoio!$K$25,AF23&lt;Apoio!$M$25),Apoio!$H$25,
IF(AND(AF23&gt;=Apoio!$K$26,AF23&lt;Apoio!$M$26),Apoio!$H$26,
IF(AND(AF23&gt;=Apoio!$K$27,AF23&lt;Apoio!$M$27),Apoio!$H$27,
IF(AF23&gt;=Apoio!$K$28,Apoio!$H$28)))))))</f>
        <v>-</v>
      </c>
    </row>
    <row r="24" spans="1:33">
      <c r="A24" s="46"/>
      <c r="B24" s="4">
        <v>20</v>
      </c>
      <c r="C24" s="167" t="str">
        <f t="shared" si="1"/>
        <v/>
      </c>
      <c r="D24" s="4"/>
      <c r="E24" s="4"/>
      <c r="F24" s="4"/>
      <c r="G24" s="4"/>
      <c r="H24" s="47"/>
      <c r="I24" s="4"/>
      <c r="J24" s="4"/>
      <c r="K24" s="60" t="str">
        <f>IFERROR(
IF(J24="","",
VLOOKUP(J24,Apoio!$B$5:$F$9,2,0)),"-")</f>
        <v/>
      </c>
      <c r="L24" s="48"/>
      <c r="M24" s="49"/>
      <c r="N24" s="60" t="str">
        <f>IF(M24="","",
VLOOKUP(M24,Apoio!$H$4:$P$9,2,0))</f>
        <v/>
      </c>
      <c r="O24" s="60" t="str">
        <f>IF(M24="","",
VLOOKUP(M24,Apoio!$H$4:$P$9,4,0))</f>
        <v/>
      </c>
      <c r="P24" s="49"/>
      <c r="Q24" s="60" t="str">
        <f>IF(P24="","",
VLOOKUP(P24,Apoio!$H$13:$P$19,2,0))</f>
        <v/>
      </c>
      <c r="R24" s="60" t="str">
        <f>IF(P24="","",
VLOOKUP(P24,Apoio!$H$13:$P$19,4,0))</f>
        <v/>
      </c>
      <c r="S24" s="61" t="str">
        <f t="shared" si="0"/>
        <v/>
      </c>
      <c r="T24" s="60" t="str">
        <f>IF(OR(M24="",P24=""),"",
IF(S24&lt;=Apoio!$M$23,Apoio!$H$23,
IF(S24&lt;=Apoio!$M$24,Apoio!$H$24,
IF(S24&lt;=Apoio!$M$25,Apoio!$H$25,
IF(S24&lt;=Apoio!$M$26,Apoio!$H$26,
IF(S24&lt;=Apoio!$M$27,Apoio!$H$27,
IF(S24&gt;Apoio!$M$27,Apoio!$H$28,)))))))</f>
        <v/>
      </c>
      <c r="V24" s="59" t="str">
        <f>IFERROR(VLOOKUP('1. Ambiente'!D$6,Apoio!$R$4:$X$9,MATCH(T24,Apoio!$R$4:$X$4,0),0),"-")</f>
        <v>-</v>
      </c>
      <c r="W24" s="16"/>
      <c r="X24" s="73" t="str">
        <f>IF(W24="","",
VLOOKUP(W24,Apoio!$R$22:$S$25,2,0))</f>
        <v/>
      </c>
      <c r="Y24" s="52"/>
      <c r="Z24" s="52"/>
      <c r="AA24" s="16"/>
      <c r="AB24" s="17"/>
      <c r="AC24" s="17"/>
      <c r="AE24" s="165" t="str">
        <f>IFERROR(
IF(J24="","",
VLOOKUP(J24,Apoio!$B$5:$F$9,4,0)),"-")</f>
        <v/>
      </c>
      <c r="AF24" s="62" t="str">
        <f t="shared" si="2"/>
        <v>-</v>
      </c>
      <c r="AG24" s="165" t="str">
        <f>IF(AF24="-","-",
IF(AND(AF24&gt;=Apoio!$K$23,AF24&lt;Apoio!$M$23),Apoio!$H$23,
IF(AND(AF24&gt;=Apoio!$K$24,AF24&lt;Apoio!$M$24),Apoio!$H$24,
IF(AND(AF24&gt;=Apoio!$K$25,AF24&lt;Apoio!$M$25),Apoio!$H$25,
IF(AND(AF24&gt;=Apoio!$K$26,AF24&lt;Apoio!$M$26),Apoio!$H$26,
IF(AND(AF24&gt;=Apoio!$K$27,AF24&lt;Apoio!$M$27),Apoio!$H$27,
IF(AF24&gt;=Apoio!$K$28,Apoio!$H$28)))))))</f>
        <v>-</v>
      </c>
    </row>
    <row r="25" spans="1:33">
      <c r="A25" s="46"/>
      <c r="B25" s="4">
        <v>21</v>
      </c>
      <c r="C25" s="167" t="str">
        <f t="shared" si="1"/>
        <v/>
      </c>
      <c r="D25" s="4"/>
      <c r="E25" s="4"/>
      <c r="F25" s="4"/>
      <c r="G25" s="4"/>
      <c r="H25" s="47"/>
      <c r="I25" s="4"/>
      <c r="J25" s="4"/>
      <c r="K25" s="60" t="str">
        <f>IFERROR(
IF(J25="","",
VLOOKUP(J25,Apoio!$B$5:$F$9,2,0)),"-")</f>
        <v/>
      </c>
      <c r="L25" s="48"/>
      <c r="M25" s="49"/>
      <c r="N25" s="60" t="str">
        <f>IF(M25="","",
VLOOKUP(M25,Apoio!$H$4:$P$9,2,0))</f>
        <v/>
      </c>
      <c r="O25" s="60" t="str">
        <f>IF(M25="","",
VLOOKUP(M25,Apoio!$H$4:$P$9,4,0))</f>
        <v/>
      </c>
      <c r="P25" s="49"/>
      <c r="Q25" s="60" t="str">
        <f>IF(P25="","",
VLOOKUP(P25,Apoio!$H$13:$P$19,2,0))</f>
        <v/>
      </c>
      <c r="R25" s="60" t="str">
        <f>IF(P25="","",
VLOOKUP(P25,Apoio!$H$13:$P$19,4,0))</f>
        <v/>
      </c>
      <c r="S25" s="61" t="str">
        <f t="shared" si="0"/>
        <v/>
      </c>
      <c r="T25" s="60" t="str">
        <f>IF(OR(M25="",P25=""),"",
IF(S25&lt;=Apoio!$M$23,Apoio!$H$23,
IF(S25&lt;=Apoio!$M$24,Apoio!$H$24,
IF(S25&lt;=Apoio!$M$25,Apoio!$H$25,
IF(S25&lt;=Apoio!$M$26,Apoio!$H$26,
IF(S25&lt;=Apoio!$M$27,Apoio!$H$27,
IF(S25&gt;Apoio!$M$27,Apoio!$H$28,)))))))</f>
        <v/>
      </c>
      <c r="V25" s="59" t="str">
        <f>IFERROR(VLOOKUP('1. Ambiente'!D$6,Apoio!$R$4:$X$9,MATCH(T25,Apoio!$R$4:$X$4,0),0),"-")</f>
        <v>-</v>
      </c>
      <c r="W25" s="16"/>
      <c r="X25" s="73" t="str">
        <f>IF(W25="","",
VLOOKUP(W25,Apoio!$R$22:$S$25,2,0))</f>
        <v/>
      </c>
      <c r="Y25" s="52"/>
      <c r="Z25" s="52"/>
      <c r="AA25" s="16"/>
      <c r="AB25" s="17"/>
      <c r="AC25" s="17"/>
      <c r="AE25" s="165" t="str">
        <f>IFERROR(
IF(J25="","",
VLOOKUP(J25,Apoio!$B$5:$F$9,4,0)),"-")</f>
        <v/>
      </c>
      <c r="AF25" s="62" t="str">
        <f t="shared" si="2"/>
        <v>-</v>
      </c>
      <c r="AG25" s="165" t="str">
        <f>IF(AF25="-","-",
IF(AND(AF25&gt;=Apoio!$K$23,AF25&lt;Apoio!$M$23),Apoio!$H$23,
IF(AND(AF25&gt;=Apoio!$K$24,AF25&lt;Apoio!$M$24),Apoio!$H$24,
IF(AND(AF25&gt;=Apoio!$K$25,AF25&lt;Apoio!$M$25),Apoio!$H$25,
IF(AND(AF25&gt;=Apoio!$K$26,AF25&lt;Apoio!$M$26),Apoio!$H$26,
IF(AND(AF25&gt;=Apoio!$K$27,AF25&lt;Apoio!$M$27),Apoio!$H$27,
IF(AF25&gt;=Apoio!$K$28,Apoio!$H$28)))))))</f>
        <v>-</v>
      </c>
    </row>
    <row r="26" spans="1:33">
      <c r="A26" s="46"/>
      <c r="B26" s="4">
        <v>22</v>
      </c>
      <c r="C26" s="167" t="str">
        <f t="shared" si="1"/>
        <v/>
      </c>
      <c r="D26" s="4"/>
      <c r="E26" s="4"/>
      <c r="F26" s="4"/>
      <c r="G26" s="4"/>
      <c r="H26" s="47"/>
      <c r="I26" s="4"/>
      <c r="J26" s="4"/>
      <c r="K26" s="60" t="str">
        <f>IFERROR(
IF(J26="","",
VLOOKUP(J26,Apoio!$B$5:$F$9,2,0)),"-")</f>
        <v/>
      </c>
      <c r="L26" s="48"/>
      <c r="M26" s="49"/>
      <c r="N26" s="60" t="str">
        <f>IF(M26="","",
VLOOKUP(M26,Apoio!$H$4:$P$9,2,0))</f>
        <v/>
      </c>
      <c r="O26" s="60" t="str">
        <f>IF(M26="","",
VLOOKUP(M26,Apoio!$H$4:$P$9,4,0))</f>
        <v/>
      </c>
      <c r="P26" s="49"/>
      <c r="Q26" s="60" t="str">
        <f>IF(P26="","",
VLOOKUP(P26,Apoio!$H$13:$P$19,2,0))</f>
        <v/>
      </c>
      <c r="R26" s="60" t="str">
        <f>IF(P26="","",
VLOOKUP(P26,Apoio!$H$13:$P$19,4,0))</f>
        <v/>
      </c>
      <c r="S26" s="61" t="str">
        <f t="shared" si="0"/>
        <v/>
      </c>
      <c r="T26" s="60" t="str">
        <f>IF(OR(M26="",P26=""),"",
IF(S26&lt;=Apoio!$M$23,Apoio!$H$23,
IF(S26&lt;=Apoio!$M$24,Apoio!$H$24,
IF(S26&lt;=Apoio!$M$25,Apoio!$H$25,
IF(S26&lt;=Apoio!$M$26,Apoio!$H$26,
IF(S26&lt;=Apoio!$M$27,Apoio!$H$27,
IF(S26&gt;Apoio!$M$27,Apoio!$H$28,)))))))</f>
        <v/>
      </c>
      <c r="V26" s="59" t="str">
        <f>IFERROR(VLOOKUP('1. Ambiente'!D$6,Apoio!$R$4:$X$9,MATCH(T26,Apoio!$R$4:$X$4,0),0),"-")</f>
        <v>-</v>
      </c>
      <c r="W26" s="16"/>
      <c r="X26" s="73" t="str">
        <f>IF(W26="","",
VLOOKUP(W26,Apoio!$R$22:$S$25,2,0))</f>
        <v/>
      </c>
      <c r="Y26" s="52"/>
      <c r="Z26" s="52"/>
      <c r="AA26" s="16"/>
      <c r="AB26" s="17"/>
      <c r="AC26" s="17"/>
      <c r="AE26" s="165" t="str">
        <f>IFERROR(
IF(J26="","",
VLOOKUP(J26,Apoio!$B$5:$F$9,4,0)),"-")</f>
        <v/>
      </c>
      <c r="AF26" s="62" t="str">
        <f t="shared" si="2"/>
        <v>-</v>
      </c>
      <c r="AG26" s="165" t="str">
        <f>IF(AF26="-","-",
IF(AND(AF26&gt;=Apoio!$K$23,AF26&lt;Apoio!$M$23),Apoio!$H$23,
IF(AND(AF26&gt;=Apoio!$K$24,AF26&lt;Apoio!$M$24),Apoio!$H$24,
IF(AND(AF26&gt;=Apoio!$K$25,AF26&lt;Apoio!$M$25),Apoio!$H$25,
IF(AND(AF26&gt;=Apoio!$K$26,AF26&lt;Apoio!$M$26),Apoio!$H$26,
IF(AND(AF26&gt;=Apoio!$K$27,AF26&lt;Apoio!$M$27),Apoio!$H$27,
IF(AF26&gt;=Apoio!$K$28,Apoio!$H$28)))))))</f>
        <v>-</v>
      </c>
    </row>
    <row r="27" spans="1:33">
      <c r="A27" s="46"/>
      <c r="B27" s="4">
        <v>23</v>
      </c>
      <c r="C27" s="167" t="str">
        <f t="shared" si="1"/>
        <v/>
      </c>
      <c r="D27" s="4"/>
      <c r="E27" s="4"/>
      <c r="F27" s="4"/>
      <c r="G27" s="4"/>
      <c r="H27" s="47"/>
      <c r="I27" s="4"/>
      <c r="J27" s="4"/>
      <c r="K27" s="60" t="str">
        <f>IFERROR(
IF(J27="","",
VLOOKUP(J27,Apoio!$B$5:$F$9,2,0)),"-")</f>
        <v/>
      </c>
      <c r="L27" s="48"/>
      <c r="M27" s="49"/>
      <c r="N27" s="60" t="str">
        <f>IF(M27="","",
VLOOKUP(M27,Apoio!$H$4:$P$9,2,0))</f>
        <v/>
      </c>
      <c r="O27" s="60" t="str">
        <f>IF(M27="","",
VLOOKUP(M27,Apoio!$H$4:$P$9,4,0))</f>
        <v/>
      </c>
      <c r="P27" s="49"/>
      <c r="Q27" s="60" t="str">
        <f>IF(P27="","",
VLOOKUP(P27,Apoio!$H$13:$P$19,2,0))</f>
        <v/>
      </c>
      <c r="R27" s="60" t="str">
        <f>IF(P27="","",
VLOOKUP(P27,Apoio!$H$13:$P$19,4,0))</f>
        <v/>
      </c>
      <c r="S27" s="61" t="str">
        <f t="shared" si="0"/>
        <v/>
      </c>
      <c r="T27" s="60" t="str">
        <f>IF(OR(M27="",P27=""),"",
IF(S27&lt;=Apoio!$M$23,Apoio!$H$23,
IF(S27&lt;=Apoio!$M$24,Apoio!$H$24,
IF(S27&lt;=Apoio!$M$25,Apoio!$H$25,
IF(S27&lt;=Apoio!$M$26,Apoio!$H$26,
IF(S27&lt;=Apoio!$M$27,Apoio!$H$27,
IF(S27&gt;Apoio!$M$27,Apoio!$H$28,)))))))</f>
        <v/>
      </c>
      <c r="V27" s="59" t="str">
        <f>IFERROR(VLOOKUP('1. Ambiente'!D$6,Apoio!$R$4:$X$9,MATCH(T27,Apoio!$R$4:$X$4,0),0),"-")</f>
        <v>-</v>
      </c>
      <c r="W27" s="16"/>
      <c r="X27" s="73" t="str">
        <f>IF(W27="","",
VLOOKUP(W27,Apoio!$R$22:$S$25,2,0))</f>
        <v/>
      </c>
      <c r="Y27" s="52"/>
      <c r="Z27" s="52"/>
      <c r="AA27" s="16"/>
      <c r="AB27" s="17"/>
      <c r="AC27" s="17"/>
      <c r="AE27" s="165" t="str">
        <f>IFERROR(
IF(J27="","",
VLOOKUP(J27,Apoio!$B$5:$F$9,4,0)),"-")</f>
        <v/>
      </c>
      <c r="AF27" s="62" t="str">
        <f t="shared" si="2"/>
        <v>-</v>
      </c>
      <c r="AG27" s="165" t="str">
        <f>IF(AF27="-","-",
IF(AND(AF27&gt;=Apoio!$K$23,AF27&lt;Apoio!$M$23),Apoio!$H$23,
IF(AND(AF27&gt;=Apoio!$K$24,AF27&lt;Apoio!$M$24),Apoio!$H$24,
IF(AND(AF27&gt;=Apoio!$K$25,AF27&lt;Apoio!$M$25),Apoio!$H$25,
IF(AND(AF27&gt;=Apoio!$K$26,AF27&lt;Apoio!$M$26),Apoio!$H$26,
IF(AND(AF27&gt;=Apoio!$K$27,AF27&lt;Apoio!$M$27),Apoio!$H$27,
IF(AF27&gt;=Apoio!$K$28,Apoio!$H$28)))))))</f>
        <v>-</v>
      </c>
    </row>
    <row r="28" spans="1:33">
      <c r="A28" s="46"/>
      <c r="B28" s="4">
        <v>24</v>
      </c>
      <c r="C28" s="167" t="str">
        <f t="shared" si="1"/>
        <v/>
      </c>
      <c r="D28" s="4"/>
      <c r="E28" s="4"/>
      <c r="F28" s="4"/>
      <c r="G28" s="4"/>
      <c r="H28" s="47"/>
      <c r="I28" s="4"/>
      <c r="J28" s="4"/>
      <c r="K28" s="60" t="str">
        <f>IFERROR(
IF(J28="","",
VLOOKUP(J28,Apoio!$B$5:$F$9,2,0)),"-")</f>
        <v/>
      </c>
      <c r="L28" s="48"/>
      <c r="M28" s="49"/>
      <c r="N28" s="60" t="str">
        <f>IF(M28="","",
VLOOKUP(M28,Apoio!$H$4:$P$9,2,0))</f>
        <v/>
      </c>
      <c r="O28" s="60" t="str">
        <f>IF(M28="","",
VLOOKUP(M28,Apoio!$H$4:$P$9,4,0))</f>
        <v/>
      </c>
      <c r="P28" s="49"/>
      <c r="Q28" s="60" t="str">
        <f>IF(P28="","",
VLOOKUP(P28,Apoio!$H$13:$P$19,2,0))</f>
        <v/>
      </c>
      <c r="R28" s="60" t="str">
        <f>IF(P28="","",
VLOOKUP(P28,Apoio!$H$13:$P$19,4,0))</f>
        <v/>
      </c>
      <c r="S28" s="61" t="str">
        <f t="shared" si="0"/>
        <v/>
      </c>
      <c r="T28" s="60" t="str">
        <f>IF(OR(M28="",P28=""),"",
IF(S28&lt;=Apoio!$M$23,Apoio!$H$23,
IF(S28&lt;=Apoio!$M$24,Apoio!$H$24,
IF(S28&lt;=Apoio!$M$25,Apoio!$H$25,
IF(S28&lt;=Apoio!$M$26,Apoio!$H$26,
IF(S28&lt;=Apoio!$M$27,Apoio!$H$27,
IF(S28&gt;Apoio!$M$27,Apoio!$H$28,)))))))</f>
        <v/>
      </c>
      <c r="V28" s="59" t="str">
        <f>IFERROR(VLOOKUP('1. Ambiente'!D$6,Apoio!$R$4:$X$9,MATCH(T28,Apoio!$R$4:$X$4,0),0),"-")</f>
        <v>-</v>
      </c>
      <c r="W28" s="16"/>
      <c r="X28" s="73" t="str">
        <f>IF(W28="","",
VLOOKUP(W28,Apoio!$R$22:$S$25,2,0))</f>
        <v/>
      </c>
      <c r="Y28" s="52"/>
      <c r="Z28" s="52"/>
      <c r="AA28" s="16"/>
      <c r="AB28" s="17"/>
      <c r="AC28" s="17"/>
      <c r="AE28" s="165" t="str">
        <f>IFERROR(
IF(J28="","",
VLOOKUP(J28,Apoio!$B$5:$F$9,4,0)),"-")</f>
        <v/>
      </c>
      <c r="AF28" s="62" t="str">
        <f t="shared" si="2"/>
        <v>-</v>
      </c>
      <c r="AG28" s="165" t="str">
        <f>IF(AF28="-","-",
IF(AND(AF28&gt;=Apoio!$K$23,AF28&lt;Apoio!$M$23),Apoio!$H$23,
IF(AND(AF28&gt;=Apoio!$K$24,AF28&lt;Apoio!$M$24),Apoio!$H$24,
IF(AND(AF28&gt;=Apoio!$K$25,AF28&lt;Apoio!$M$25),Apoio!$H$25,
IF(AND(AF28&gt;=Apoio!$K$26,AF28&lt;Apoio!$M$26),Apoio!$H$26,
IF(AND(AF28&gt;=Apoio!$K$27,AF28&lt;Apoio!$M$27),Apoio!$H$27,
IF(AF28&gt;=Apoio!$K$28,Apoio!$H$28)))))))</f>
        <v>-</v>
      </c>
    </row>
    <row r="29" spans="1:33">
      <c r="A29" s="46"/>
      <c r="B29" s="4">
        <v>25</v>
      </c>
      <c r="C29" s="167" t="str">
        <f t="shared" si="1"/>
        <v/>
      </c>
      <c r="D29" s="4"/>
      <c r="E29" s="4"/>
      <c r="F29" s="4"/>
      <c r="G29" s="4"/>
      <c r="H29" s="47"/>
      <c r="I29" s="4"/>
      <c r="J29" s="4"/>
      <c r="K29" s="60" t="str">
        <f>IFERROR(
IF(J29="","",
VLOOKUP(J29,Apoio!$B$5:$F$9,2,0)),"-")</f>
        <v/>
      </c>
      <c r="L29" s="48"/>
      <c r="M29" s="49"/>
      <c r="N29" s="60" t="str">
        <f>IF(M29="","",
VLOOKUP(M29,Apoio!$H$4:$P$9,2,0))</f>
        <v/>
      </c>
      <c r="O29" s="60" t="str">
        <f>IF(M29="","",
VLOOKUP(M29,Apoio!$H$4:$P$9,4,0))</f>
        <v/>
      </c>
      <c r="P29" s="49"/>
      <c r="Q29" s="60" t="str">
        <f>IF(P29="","",
VLOOKUP(P29,Apoio!$H$13:$P$19,2,0))</f>
        <v/>
      </c>
      <c r="R29" s="60" t="str">
        <f>IF(P29="","",
VLOOKUP(P29,Apoio!$H$13:$P$19,4,0))</f>
        <v/>
      </c>
      <c r="S29" s="61" t="str">
        <f t="shared" si="0"/>
        <v/>
      </c>
      <c r="T29" s="60" t="str">
        <f>IF(OR(M29="",P29=""),"",
IF(S29&lt;=Apoio!$M$23,Apoio!$H$23,
IF(S29&lt;=Apoio!$M$24,Apoio!$H$24,
IF(S29&lt;=Apoio!$M$25,Apoio!$H$25,
IF(S29&lt;=Apoio!$M$26,Apoio!$H$26,
IF(S29&lt;=Apoio!$M$27,Apoio!$H$27,
IF(S29&gt;Apoio!$M$27,Apoio!$H$28,)))))))</f>
        <v/>
      </c>
      <c r="V29" s="59" t="str">
        <f>IFERROR(VLOOKUP('1. Ambiente'!D$6,Apoio!$R$4:$X$9,MATCH(T29,Apoio!$R$4:$X$4,0),0),"-")</f>
        <v>-</v>
      </c>
      <c r="W29" s="16"/>
      <c r="X29" s="73" t="str">
        <f>IF(W29="","",
VLOOKUP(W29,Apoio!$R$22:$S$25,2,0))</f>
        <v/>
      </c>
      <c r="Y29" s="52"/>
      <c r="Z29" s="52"/>
      <c r="AA29" s="16"/>
      <c r="AB29" s="17"/>
      <c r="AC29" s="17"/>
      <c r="AE29" s="165" t="str">
        <f>IFERROR(
IF(J29="","",
VLOOKUP(J29,Apoio!$B$5:$F$9,4,0)),"-")</f>
        <v/>
      </c>
      <c r="AF29" s="62" t="str">
        <f t="shared" si="2"/>
        <v>-</v>
      </c>
      <c r="AG29" s="165" t="str">
        <f>IF(AF29="-","-",
IF(AND(AF29&gt;=Apoio!$K$23,AF29&lt;Apoio!$M$23),Apoio!$H$23,
IF(AND(AF29&gt;=Apoio!$K$24,AF29&lt;Apoio!$M$24),Apoio!$H$24,
IF(AND(AF29&gt;=Apoio!$K$25,AF29&lt;Apoio!$M$25),Apoio!$H$25,
IF(AND(AF29&gt;=Apoio!$K$26,AF29&lt;Apoio!$M$26),Apoio!$H$26,
IF(AND(AF29&gt;=Apoio!$K$27,AF29&lt;Apoio!$M$27),Apoio!$H$27,
IF(AF29&gt;=Apoio!$K$28,Apoio!$H$28)))))))</f>
        <v>-</v>
      </c>
    </row>
    <row r="30" spans="1:33">
      <c r="A30" s="46"/>
      <c r="B30" s="4">
        <v>26</v>
      </c>
      <c r="C30" s="167" t="str">
        <f t="shared" si="1"/>
        <v/>
      </c>
      <c r="D30" s="4"/>
      <c r="E30" s="4"/>
      <c r="F30" s="4"/>
      <c r="G30" s="4"/>
      <c r="H30" s="47"/>
      <c r="I30" s="4"/>
      <c r="J30" s="4"/>
      <c r="K30" s="60" t="str">
        <f>IFERROR(
IF(J30="","",
VLOOKUP(J30,Apoio!$B$5:$F$9,2,0)),"-")</f>
        <v/>
      </c>
      <c r="L30" s="48"/>
      <c r="M30" s="49"/>
      <c r="N30" s="60" t="str">
        <f>IF(M30="","",
VLOOKUP(M30,Apoio!$H$4:$P$9,2,0))</f>
        <v/>
      </c>
      <c r="O30" s="60" t="str">
        <f>IF(M30="","",
VLOOKUP(M30,Apoio!$H$4:$P$9,4,0))</f>
        <v/>
      </c>
      <c r="P30" s="49"/>
      <c r="Q30" s="60" t="str">
        <f>IF(P30="","",
VLOOKUP(P30,Apoio!$H$13:$P$19,2,0))</f>
        <v/>
      </c>
      <c r="R30" s="60" t="str">
        <f>IF(P30="","",
VLOOKUP(P30,Apoio!$H$13:$P$19,4,0))</f>
        <v/>
      </c>
      <c r="S30" s="61" t="str">
        <f t="shared" si="0"/>
        <v/>
      </c>
      <c r="T30" s="60" t="str">
        <f>IF(OR(M30="",P30=""),"",
IF(S30&lt;=Apoio!$M$23,Apoio!$H$23,
IF(S30&lt;=Apoio!$M$24,Apoio!$H$24,
IF(S30&lt;=Apoio!$M$25,Apoio!$H$25,
IF(S30&lt;=Apoio!$M$26,Apoio!$H$26,
IF(S30&lt;=Apoio!$M$27,Apoio!$H$27,
IF(S30&gt;Apoio!$M$27,Apoio!$H$28,)))))))</f>
        <v/>
      </c>
      <c r="V30" s="59" t="str">
        <f>IFERROR(VLOOKUP('1. Ambiente'!D$6,Apoio!$R$4:$X$9,MATCH(T30,Apoio!$R$4:$X$4,0),0),"-")</f>
        <v>-</v>
      </c>
      <c r="W30" s="16"/>
      <c r="X30" s="73" t="str">
        <f>IF(W30="","",
VLOOKUP(W30,Apoio!$R$22:$S$25,2,0))</f>
        <v/>
      </c>
      <c r="Y30" s="52"/>
      <c r="Z30" s="52"/>
      <c r="AA30" s="16"/>
      <c r="AB30" s="17"/>
      <c r="AC30" s="17"/>
      <c r="AE30" s="165" t="str">
        <f>IFERROR(
IF(J30="","",
VLOOKUP(J30,Apoio!$B$5:$F$9,4,0)),"-")</f>
        <v/>
      </c>
      <c r="AF30" s="62" t="str">
        <f t="shared" si="2"/>
        <v>-</v>
      </c>
      <c r="AG30" s="165" t="str">
        <f>IF(AF30="-","-",
IF(AND(AF30&gt;=Apoio!$K$23,AF30&lt;Apoio!$M$23),Apoio!$H$23,
IF(AND(AF30&gt;=Apoio!$K$24,AF30&lt;Apoio!$M$24),Apoio!$H$24,
IF(AND(AF30&gt;=Apoio!$K$25,AF30&lt;Apoio!$M$25),Apoio!$H$25,
IF(AND(AF30&gt;=Apoio!$K$26,AF30&lt;Apoio!$M$26),Apoio!$H$26,
IF(AND(AF30&gt;=Apoio!$K$27,AF30&lt;Apoio!$M$27),Apoio!$H$27,
IF(AF30&gt;=Apoio!$K$28,Apoio!$H$28)))))))</f>
        <v>-</v>
      </c>
    </row>
    <row r="31" spans="1:33">
      <c r="A31" s="46"/>
      <c r="B31" s="4">
        <v>27</v>
      </c>
      <c r="C31" s="167" t="str">
        <f t="shared" si="1"/>
        <v/>
      </c>
      <c r="D31" s="4"/>
      <c r="E31" s="4"/>
      <c r="F31" s="4"/>
      <c r="G31" s="4"/>
      <c r="H31" s="47"/>
      <c r="I31" s="4"/>
      <c r="J31" s="4"/>
      <c r="K31" s="60" t="str">
        <f>IFERROR(
IF(J31="","",
VLOOKUP(J31,Apoio!$B$5:$F$9,2,0)),"-")</f>
        <v/>
      </c>
      <c r="L31" s="48"/>
      <c r="M31" s="49"/>
      <c r="N31" s="60" t="str">
        <f>IF(M31="","",
VLOOKUP(M31,Apoio!$H$4:$P$9,2,0))</f>
        <v/>
      </c>
      <c r="O31" s="60" t="str">
        <f>IF(M31="","",
VLOOKUP(M31,Apoio!$H$4:$P$9,4,0))</f>
        <v/>
      </c>
      <c r="P31" s="49"/>
      <c r="Q31" s="60" t="str">
        <f>IF(P31="","",
VLOOKUP(P31,Apoio!$H$13:$P$19,2,0))</f>
        <v/>
      </c>
      <c r="R31" s="60" t="str">
        <f>IF(P31="","",
VLOOKUP(P31,Apoio!$H$13:$P$19,4,0))</f>
        <v/>
      </c>
      <c r="S31" s="61" t="str">
        <f t="shared" si="0"/>
        <v/>
      </c>
      <c r="T31" s="60" t="str">
        <f>IF(OR(M31="",P31=""),"",
IF(S31&lt;=Apoio!$M$23,Apoio!$H$23,
IF(S31&lt;=Apoio!$M$24,Apoio!$H$24,
IF(S31&lt;=Apoio!$M$25,Apoio!$H$25,
IF(S31&lt;=Apoio!$M$26,Apoio!$H$26,
IF(S31&lt;=Apoio!$M$27,Apoio!$H$27,
IF(S31&gt;Apoio!$M$27,Apoio!$H$28,)))))))</f>
        <v/>
      </c>
      <c r="V31" s="59" t="str">
        <f>IFERROR(VLOOKUP('1. Ambiente'!D$6,Apoio!$R$4:$X$9,MATCH(T31,Apoio!$R$4:$X$4,0),0),"-")</f>
        <v>-</v>
      </c>
      <c r="W31" s="16"/>
      <c r="X31" s="73" t="str">
        <f>IF(W31="","",
VLOOKUP(W31,Apoio!$R$22:$S$25,2,0))</f>
        <v/>
      </c>
      <c r="Y31" s="52"/>
      <c r="Z31" s="52"/>
      <c r="AA31" s="16"/>
      <c r="AB31" s="17"/>
      <c r="AC31" s="17"/>
      <c r="AE31" s="165" t="str">
        <f>IFERROR(
IF(J31="","",
VLOOKUP(J31,Apoio!$B$5:$F$9,4,0)),"-")</f>
        <v/>
      </c>
      <c r="AF31" s="62" t="str">
        <f t="shared" si="2"/>
        <v>-</v>
      </c>
      <c r="AG31" s="165" t="str">
        <f>IF(AF31="-","-",
IF(AND(AF31&gt;=Apoio!$K$23,AF31&lt;Apoio!$M$23),Apoio!$H$23,
IF(AND(AF31&gt;=Apoio!$K$24,AF31&lt;Apoio!$M$24),Apoio!$H$24,
IF(AND(AF31&gt;=Apoio!$K$25,AF31&lt;Apoio!$M$25),Apoio!$H$25,
IF(AND(AF31&gt;=Apoio!$K$26,AF31&lt;Apoio!$M$26),Apoio!$H$26,
IF(AND(AF31&gt;=Apoio!$K$27,AF31&lt;Apoio!$M$27),Apoio!$H$27,
IF(AF31&gt;=Apoio!$K$28,Apoio!$H$28)))))))</f>
        <v>-</v>
      </c>
    </row>
    <row r="32" spans="1:33">
      <c r="A32" s="46"/>
      <c r="B32" s="4">
        <v>28</v>
      </c>
      <c r="C32" s="167" t="str">
        <f t="shared" si="1"/>
        <v/>
      </c>
      <c r="D32" s="4"/>
      <c r="E32" s="4"/>
      <c r="F32" s="4"/>
      <c r="G32" s="4"/>
      <c r="H32" s="47"/>
      <c r="I32" s="4"/>
      <c r="J32" s="4"/>
      <c r="K32" s="60" t="str">
        <f>IFERROR(
IF(J32="","",
VLOOKUP(J32,Apoio!$B$5:$F$9,2,0)),"-")</f>
        <v/>
      </c>
      <c r="L32" s="48"/>
      <c r="M32" s="49"/>
      <c r="N32" s="60" t="str">
        <f>IF(M32="","",
VLOOKUP(M32,Apoio!$H$4:$P$9,2,0))</f>
        <v/>
      </c>
      <c r="O32" s="60" t="str">
        <f>IF(M32="","",
VLOOKUP(M32,Apoio!$H$4:$P$9,4,0))</f>
        <v/>
      </c>
      <c r="P32" s="49"/>
      <c r="Q32" s="60" t="str">
        <f>IF(P32="","",
VLOOKUP(P32,Apoio!$H$13:$P$19,2,0))</f>
        <v/>
      </c>
      <c r="R32" s="60" t="str">
        <f>IF(P32="","",
VLOOKUP(P32,Apoio!$H$13:$P$19,4,0))</f>
        <v/>
      </c>
      <c r="S32" s="61" t="str">
        <f t="shared" si="0"/>
        <v/>
      </c>
      <c r="T32" s="60" t="str">
        <f>IF(OR(M32="",P32=""),"",
IF(S32&lt;=Apoio!$M$23,Apoio!$H$23,
IF(S32&lt;=Apoio!$M$24,Apoio!$H$24,
IF(S32&lt;=Apoio!$M$25,Apoio!$H$25,
IF(S32&lt;=Apoio!$M$26,Apoio!$H$26,
IF(S32&lt;=Apoio!$M$27,Apoio!$H$27,
IF(S32&gt;Apoio!$M$27,Apoio!$H$28,)))))))</f>
        <v/>
      </c>
      <c r="V32" s="59" t="str">
        <f>IFERROR(VLOOKUP('1. Ambiente'!D$6,Apoio!$R$4:$X$9,MATCH(T32,Apoio!$R$4:$X$4,0),0),"-")</f>
        <v>-</v>
      </c>
      <c r="W32" s="16"/>
      <c r="X32" s="73" t="str">
        <f>IF(W32="","",
VLOOKUP(W32,Apoio!$R$22:$S$25,2,0))</f>
        <v/>
      </c>
      <c r="Y32" s="52"/>
      <c r="Z32" s="52"/>
      <c r="AA32" s="16"/>
      <c r="AB32" s="17"/>
      <c r="AC32" s="17"/>
      <c r="AE32" s="165" t="str">
        <f>IFERROR(
IF(J32="","",
VLOOKUP(J32,Apoio!$B$5:$F$9,4,0)),"-")</f>
        <v/>
      </c>
      <c r="AF32" s="62" t="str">
        <f t="shared" si="2"/>
        <v>-</v>
      </c>
      <c r="AG32" s="165" t="str">
        <f>IF(AF32="-","-",
IF(AND(AF32&gt;=Apoio!$K$23,AF32&lt;Apoio!$M$23),Apoio!$H$23,
IF(AND(AF32&gt;=Apoio!$K$24,AF32&lt;Apoio!$M$24),Apoio!$H$24,
IF(AND(AF32&gt;=Apoio!$K$25,AF32&lt;Apoio!$M$25),Apoio!$H$25,
IF(AND(AF32&gt;=Apoio!$K$26,AF32&lt;Apoio!$M$26),Apoio!$H$26,
IF(AND(AF32&gt;=Apoio!$K$27,AF32&lt;Apoio!$M$27),Apoio!$H$27,
IF(AF32&gt;=Apoio!$K$28,Apoio!$H$28)))))))</f>
        <v>-</v>
      </c>
    </row>
    <row r="33" spans="1:33">
      <c r="A33" s="46"/>
      <c r="B33" s="4">
        <v>29</v>
      </c>
      <c r="C33" s="167" t="str">
        <f t="shared" si="1"/>
        <v/>
      </c>
      <c r="D33" s="4"/>
      <c r="E33" s="4"/>
      <c r="F33" s="4"/>
      <c r="G33" s="4"/>
      <c r="H33" s="47"/>
      <c r="I33" s="4"/>
      <c r="J33" s="4"/>
      <c r="K33" s="60" t="str">
        <f>IFERROR(
IF(J33="","",
VLOOKUP(J33,Apoio!$B$5:$F$9,2,0)),"-")</f>
        <v/>
      </c>
      <c r="L33" s="48"/>
      <c r="M33" s="49"/>
      <c r="N33" s="60" t="str">
        <f>IF(M33="","",
VLOOKUP(M33,Apoio!$H$4:$P$9,2,0))</f>
        <v/>
      </c>
      <c r="O33" s="60" t="str">
        <f>IF(M33="","",
VLOOKUP(M33,Apoio!$H$4:$P$9,4,0))</f>
        <v/>
      </c>
      <c r="P33" s="49"/>
      <c r="Q33" s="60" t="str">
        <f>IF(P33="","",
VLOOKUP(P33,Apoio!$H$13:$P$19,2,0))</f>
        <v/>
      </c>
      <c r="R33" s="60" t="str">
        <f>IF(P33="","",
VLOOKUP(P33,Apoio!$H$13:$P$19,4,0))</f>
        <v/>
      </c>
      <c r="S33" s="61" t="str">
        <f t="shared" si="0"/>
        <v/>
      </c>
      <c r="T33" s="60" t="str">
        <f>IF(OR(M33="",P33=""),"",
IF(S33&lt;=Apoio!$M$23,Apoio!$H$23,
IF(S33&lt;=Apoio!$M$24,Apoio!$H$24,
IF(S33&lt;=Apoio!$M$25,Apoio!$H$25,
IF(S33&lt;=Apoio!$M$26,Apoio!$H$26,
IF(S33&lt;=Apoio!$M$27,Apoio!$H$27,
IF(S33&gt;Apoio!$M$27,Apoio!$H$28,)))))))</f>
        <v/>
      </c>
      <c r="V33" s="59" t="str">
        <f>IFERROR(VLOOKUP('1. Ambiente'!D$6,Apoio!$R$4:$X$9,MATCH(T33,Apoio!$R$4:$X$4,0),0),"-")</f>
        <v>-</v>
      </c>
      <c r="W33" s="16"/>
      <c r="X33" s="73" t="str">
        <f>IF(W33="","",
VLOOKUP(W33,Apoio!$R$22:$S$25,2,0))</f>
        <v/>
      </c>
      <c r="Y33" s="52"/>
      <c r="Z33" s="52"/>
      <c r="AA33" s="16"/>
      <c r="AB33" s="17"/>
      <c r="AC33" s="17"/>
      <c r="AE33" s="165" t="str">
        <f>IFERROR(
IF(J33="","",
VLOOKUP(J33,Apoio!$B$5:$F$9,4,0)),"-")</f>
        <v/>
      </c>
      <c r="AF33" s="62" t="str">
        <f t="shared" si="2"/>
        <v>-</v>
      </c>
      <c r="AG33" s="165" t="str">
        <f>IF(AF33="-","-",
IF(AND(AF33&gt;=Apoio!$K$23,AF33&lt;Apoio!$M$23),Apoio!$H$23,
IF(AND(AF33&gt;=Apoio!$K$24,AF33&lt;Apoio!$M$24),Apoio!$H$24,
IF(AND(AF33&gt;=Apoio!$K$25,AF33&lt;Apoio!$M$25),Apoio!$H$25,
IF(AND(AF33&gt;=Apoio!$K$26,AF33&lt;Apoio!$M$26),Apoio!$H$26,
IF(AND(AF33&gt;=Apoio!$K$27,AF33&lt;Apoio!$M$27),Apoio!$H$27,
IF(AF33&gt;=Apoio!$K$28,Apoio!$H$28)))))))</f>
        <v>-</v>
      </c>
    </row>
    <row r="34" spans="1:33">
      <c r="A34" s="46"/>
      <c r="B34" s="4">
        <v>30</v>
      </c>
      <c r="C34" s="167" t="str">
        <f t="shared" si="1"/>
        <v/>
      </c>
      <c r="D34" s="4"/>
      <c r="E34" s="4"/>
      <c r="F34" s="4"/>
      <c r="G34" s="4"/>
      <c r="H34" s="47"/>
      <c r="I34" s="4"/>
      <c r="J34" s="4"/>
      <c r="K34" s="60" t="str">
        <f>IFERROR(
IF(J34="","",
VLOOKUP(J34,Apoio!$B$5:$F$9,2,0)),"-")</f>
        <v/>
      </c>
      <c r="L34" s="48"/>
      <c r="M34" s="49"/>
      <c r="N34" s="60" t="str">
        <f>IF(M34="","",
VLOOKUP(M34,Apoio!$H$4:$P$9,2,0))</f>
        <v/>
      </c>
      <c r="O34" s="60" t="str">
        <f>IF(M34="","",
VLOOKUP(M34,Apoio!$H$4:$P$9,4,0))</f>
        <v/>
      </c>
      <c r="P34" s="49"/>
      <c r="Q34" s="60" t="str">
        <f>IF(P34="","",
VLOOKUP(P34,Apoio!$H$13:$P$19,2,0))</f>
        <v/>
      </c>
      <c r="R34" s="60" t="str">
        <f>IF(P34="","",
VLOOKUP(P34,Apoio!$H$13:$P$19,4,0))</f>
        <v/>
      </c>
      <c r="S34" s="61" t="str">
        <f t="shared" si="0"/>
        <v/>
      </c>
      <c r="T34" s="60" t="str">
        <f>IF(OR(M34="",P34=""),"",
IF(S34&lt;=Apoio!$M$23,Apoio!$H$23,
IF(S34&lt;=Apoio!$M$24,Apoio!$H$24,
IF(S34&lt;=Apoio!$M$25,Apoio!$H$25,
IF(S34&lt;=Apoio!$M$26,Apoio!$H$26,
IF(S34&lt;=Apoio!$M$27,Apoio!$H$27,
IF(S34&gt;Apoio!$M$27,Apoio!$H$28,)))))))</f>
        <v/>
      </c>
      <c r="V34" s="59" t="str">
        <f>IFERROR(VLOOKUP('1. Ambiente'!D$6,Apoio!$R$4:$X$9,MATCH(T34,Apoio!$R$4:$X$4,0),0),"-")</f>
        <v>-</v>
      </c>
      <c r="W34" s="16"/>
      <c r="X34" s="73" t="str">
        <f>IF(W34="","",
VLOOKUP(W34,Apoio!$R$22:$S$25,2,0))</f>
        <v/>
      </c>
      <c r="Y34" s="52"/>
      <c r="Z34" s="52"/>
      <c r="AA34" s="16"/>
      <c r="AB34" s="17"/>
      <c r="AC34" s="17"/>
      <c r="AE34" s="165" t="str">
        <f>IFERROR(
IF(J34="","",
VLOOKUP(J34,Apoio!$B$5:$F$9,4,0)),"-")</f>
        <v/>
      </c>
      <c r="AF34" s="62" t="str">
        <f t="shared" si="2"/>
        <v>-</v>
      </c>
      <c r="AG34" s="165" t="str">
        <f>IF(AF34="-","-",
IF(AND(AF34&gt;=Apoio!$K$23,AF34&lt;Apoio!$M$23),Apoio!$H$23,
IF(AND(AF34&gt;=Apoio!$K$24,AF34&lt;Apoio!$M$24),Apoio!$H$24,
IF(AND(AF34&gt;=Apoio!$K$25,AF34&lt;Apoio!$M$25),Apoio!$H$25,
IF(AND(AF34&gt;=Apoio!$K$26,AF34&lt;Apoio!$M$26),Apoio!$H$26,
IF(AND(AF34&gt;=Apoio!$K$27,AF34&lt;Apoio!$M$27),Apoio!$H$27,
IF(AF34&gt;=Apoio!$K$28,Apoio!$H$28)))))))</f>
        <v>-</v>
      </c>
    </row>
    <row r="35" spans="1:33">
      <c r="A35" s="46"/>
      <c r="B35" s="4">
        <v>31</v>
      </c>
      <c r="C35" s="167" t="str">
        <f t="shared" si="1"/>
        <v/>
      </c>
      <c r="D35" s="4"/>
      <c r="E35" s="4"/>
      <c r="F35" s="4"/>
      <c r="G35" s="4"/>
      <c r="H35" s="47"/>
      <c r="I35" s="4"/>
      <c r="J35" s="4"/>
      <c r="K35" s="60" t="str">
        <f>IFERROR(
IF(J35="","",
VLOOKUP(J35,Apoio!$B$5:$F$9,2,0)),"-")</f>
        <v/>
      </c>
      <c r="L35" s="48"/>
      <c r="M35" s="49"/>
      <c r="N35" s="60" t="str">
        <f>IF(M35="","",
VLOOKUP(M35,Apoio!$H$4:$P$9,2,0))</f>
        <v/>
      </c>
      <c r="O35" s="60" t="str">
        <f>IF(M35="","",
VLOOKUP(M35,Apoio!$H$4:$P$9,4,0))</f>
        <v/>
      </c>
      <c r="P35" s="49"/>
      <c r="Q35" s="60" t="str">
        <f>IF(P35="","",
VLOOKUP(P35,Apoio!$H$13:$P$19,2,0))</f>
        <v/>
      </c>
      <c r="R35" s="60" t="str">
        <f>IF(P35="","",
VLOOKUP(P35,Apoio!$H$13:$P$19,4,0))</f>
        <v/>
      </c>
      <c r="S35" s="61" t="str">
        <f t="shared" si="0"/>
        <v/>
      </c>
      <c r="T35" s="60" t="str">
        <f>IF(OR(M35="",P35=""),"",
IF(S35&lt;=Apoio!$M$23,Apoio!$H$23,
IF(S35&lt;=Apoio!$M$24,Apoio!$H$24,
IF(S35&lt;=Apoio!$M$25,Apoio!$H$25,
IF(S35&lt;=Apoio!$M$26,Apoio!$H$26,
IF(S35&lt;=Apoio!$M$27,Apoio!$H$27,
IF(S35&gt;Apoio!$M$27,Apoio!$H$28,)))))))</f>
        <v/>
      </c>
      <c r="V35" s="59" t="str">
        <f>IFERROR(VLOOKUP('1. Ambiente'!D$6,Apoio!$R$4:$X$9,MATCH(T35,Apoio!$R$4:$X$4,0),0),"-")</f>
        <v>-</v>
      </c>
      <c r="W35" s="16"/>
      <c r="X35" s="73" t="str">
        <f>IF(W35="","",
VLOOKUP(W35,Apoio!$R$22:$S$25,2,0))</f>
        <v/>
      </c>
      <c r="Y35" s="52"/>
      <c r="Z35" s="52"/>
      <c r="AA35" s="16"/>
      <c r="AB35" s="17"/>
      <c r="AC35" s="17"/>
      <c r="AE35" s="165" t="str">
        <f>IFERROR(
IF(J35="","",
VLOOKUP(J35,Apoio!$B$5:$F$9,4,0)),"-")</f>
        <v/>
      </c>
      <c r="AF35" s="62" t="str">
        <f t="shared" si="2"/>
        <v>-</v>
      </c>
      <c r="AG35" s="165" t="str">
        <f>IF(AF35="-","-",
IF(AND(AF35&gt;=Apoio!$K$23,AF35&lt;Apoio!$M$23),Apoio!$H$23,
IF(AND(AF35&gt;=Apoio!$K$24,AF35&lt;Apoio!$M$24),Apoio!$H$24,
IF(AND(AF35&gt;=Apoio!$K$25,AF35&lt;Apoio!$M$25),Apoio!$H$25,
IF(AND(AF35&gt;=Apoio!$K$26,AF35&lt;Apoio!$M$26),Apoio!$H$26,
IF(AND(AF35&gt;=Apoio!$K$27,AF35&lt;Apoio!$M$27),Apoio!$H$27,
IF(AF35&gt;=Apoio!$K$28,Apoio!$H$28)))))))</f>
        <v>-</v>
      </c>
    </row>
    <row r="36" spans="1:33">
      <c r="A36" s="46"/>
      <c r="B36" s="4">
        <v>32</v>
      </c>
      <c r="C36" s="167" t="str">
        <f t="shared" si="1"/>
        <v/>
      </c>
      <c r="D36" s="4"/>
      <c r="E36" s="4"/>
      <c r="F36" s="4"/>
      <c r="G36" s="4"/>
      <c r="H36" s="47"/>
      <c r="I36" s="4"/>
      <c r="J36" s="4"/>
      <c r="K36" s="60" t="str">
        <f>IFERROR(
IF(J36="","",
VLOOKUP(J36,Apoio!$B$5:$F$9,2,0)),"-")</f>
        <v/>
      </c>
      <c r="L36" s="48"/>
      <c r="M36" s="49"/>
      <c r="N36" s="60" t="str">
        <f>IF(M36="","",
VLOOKUP(M36,Apoio!$H$4:$P$9,2,0))</f>
        <v/>
      </c>
      <c r="O36" s="60" t="str">
        <f>IF(M36="","",
VLOOKUP(M36,Apoio!$H$4:$P$9,4,0))</f>
        <v/>
      </c>
      <c r="P36" s="49"/>
      <c r="Q36" s="60" t="str">
        <f>IF(P36="","",
VLOOKUP(P36,Apoio!$H$13:$P$19,2,0))</f>
        <v/>
      </c>
      <c r="R36" s="60" t="str">
        <f>IF(P36="","",
VLOOKUP(P36,Apoio!$H$13:$P$19,4,0))</f>
        <v/>
      </c>
      <c r="S36" s="61" t="str">
        <f t="shared" si="0"/>
        <v/>
      </c>
      <c r="T36" s="60" t="str">
        <f>IF(OR(M36="",P36=""),"",
IF(S36&lt;=Apoio!$M$23,Apoio!$H$23,
IF(S36&lt;=Apoio!$M$24,Apoio!$H$24,
IF(S36&lt;=Apoio!$M$25,Apoio!$H$25,
IF(S36&lt;=Apoio!$M$26,Apoio!$H$26,
IF(S36&lt;=Apoio!$M$27,Apoio!$H$27,
IF(S36&gt;Apoio!$M$27,Apoio!$H$28,)))))))</f>
        <v/>
      </c>
      <c r="V36" s="59" t="str">
        <f>IFERROR(VLOOKUP('1. Ambiente'!D$6,Apoio!$R$4:$X$9,MATCH(T36,Apoio!$R$4:$X$4,0),0),"-")</f>
        <v>-</v>
      </c>
      <c r="W36" s="16"/>
      <c r="X36" s="73" t="str">
        <f>IF(W36="","",
VLOOKUP(W36,Apoio!$R$22:$S$25,2,0))</f>
        <v/>
      </c>
      <c r="Y36" s="52"/>
      <c r="Z36" s="52"/>
      <c r="AA36" s="16"/>
      <c r="AB36" s="17"/>
      <c r="AC36" s="17"/>
      <c r="AE36" s="165" t="str">
        <f>IFERROR(
IF(J36="","",
VLOOKUP(J36,Apoio!$B$5:$F$9,4,0)),"-")</f>
        <v/>
      </c>
      <c r="AF36" s="62" t="str">
        <f t="shared" si="2"/>
        <v>-</v>
      </c>
      <c r="AG36" s="165" t="str">
        <f>IF(AF36="-","-",
IF(AND(AF36&gt;=Apoio!$K$23,AF36&lt;Apoio!$M$23),Apoio!$H$23,
IF(AND(AF36&gt;=Apoio!$K$24,AF36&lt;Apoio!$M$24),Apoio!$H$24,
IF(AND(AF36&gt;=Apoio!$K$25,AF36&lt;Apoio!$M$25),Apoio!$H$25,
IF(AND(AF36&gt;=Apoio!$K$26,AF36&lt;Apoio!$M$26),Apoio!$H$26,
IF(AND(AF36&gt;=Apoio!$K$27,AF36&lt;Apoio!$M$27),Apoio!$H$27,
IF(AF36&gt;=Apoio!$K$28,Apoio!$H$28)))))))</f>
        <v>-</v>
      </c>
    </row>
    <row r="37" spans="1:33">
      <c r="A37" s="46"/>
      <c r="B37" s="4">
        <v>33</v>
      </c>
      <c r="C37" s="167" t="str">
        <f t="shared" si="1"/>
        <v/>
      </c>
      <c r="D37" s="4"/>
      <c r="E37" s="4"/>
      <c r="F37" s="4"/>
      <c r="G37" s="4"/>
      <c r="H37" s="47"/>
      <c r="I37" s="4"/>
      <c r="J37" s="4"/>
      <c r="K37" s="60" t="str">
        <f>IFERROR(
IF(J37="","",
VLOOKUP(J37,Apoio!$B$5:$F$9,2,0)),"-")</f>
        <v/>
      </c>
      <c r="L37" s="48"/>
      <c r="M37" s="49"/>
      <c r="N37" s="60" t="str">
        <f>IF(M37="","",
VLOOKUP(M37,Apoio!$H$4:$P$9,2,0))</f>
        <v/>
      </c>
      <c r="O37" s="60" t="str">
        <f>IF(M37="","",
VLOOKUP(M37,Apoio!$H$4:$P$9,4,0))</f>
        <v/>
      </c>
      <c r="P37" s="49"/>
      <c r="Q37" s="60" t="str">
        <f>IF(P37="","",
VLOOKUP(P37,Apoio!$H$13:$P$19,2,0))</f>
        <v/>
      </c>
      <c r="R37" s="60" t="str">
        <f>IF(P37="","",
VLOOKUP(P37,Apoio!$H$13:$P$19,4,0))</f>
        <v/>
      </c>
      <c r="S37" s="61" t="str">
        <f t="shared" si="0"/>
        <v/>
      </c>
      <c r="T37" s="60" t="str">
        <f>IF(OR(M37="",P37=""),"",
IF(S37&lt;=Apoio!$M$23,Apoio!$H$23,
IF(S37&lt;=Apoio!$M$24,Apoio!$H$24,
IF(S37&lt;=Apoio!$M$25,Apoio!$H$25,
IF(S37&lt;=Apoio!$M$26,Apoio!$H$26,
IF(S37&lt;=Apoio!$M$27,Apoio!$H$27,
IF(S37&gt;Apoio!$M$27,Apoio!$H$28,)))))))</f>
        <v/>
      </c>
      <c r="V37" s="59" t="str">
        <f>IFERROR(VLOOKUP('1. Ambiente'!D$6,Apoio!$R$4:$X$9,MATCH(T37,Apoio!$R$4:$X$4,0),0),"-")</f>
        <v>-</v>
      </c>
      <c r="W37" s="16"/>
      <c r="X37" s="73" t="str">
        <f>IF(W37="","",
VLOOKUP(W37,Apoio!$R$22:$S$25,2,0))</f>
        <v/>
      </c>
      <c r="Y37" s="52"/>
      <c r="Z37" s="52"/>
      <c r="AA37" s="16"/>
      <c r="AB37" s="17"/>
      <c r="AC37" s="17"/>
      <c r="AE37" s="165" t="str">
        <f>IFERROR(
IF(J37="","",
VLOOKUP(J37,Apoio!$B$5:$F$9,4,0)),"-")</f>
        <v/>
      </c>
      <c r="AF37" s="62" t="str">
        <f t="shared" si="2"/>
        <v>-</v>
      </c>
      <c r="AG37" s="165" t="str">
        <f>IF(AF37="-","-",
IF(AND(AF37&gt;=Apoio!$K$23,AF37&lt;Apoio!$M$23),Apoio!$H$23,
IF(AND(AF37&gt;=Apoio!$K$24,AF37&lt;Apoio!$M$24),Apoio!$H$24,
IF(AND(AF37&gt;=Apoio!$K$25,AF37&lt;Apoio!$M$25),Apoio!$H$25,
IF(AND(AF37&gt;=Apoio!$K$26,AF37&lt;Apoio!$M$26),Apoio!$H$26,
IF(AND(AF37&gt;=Apoio!$K$27,AF37&lt;Apoio!$M$27),Apoio!$H$27,
IF(AF37&gt;=Apoio!$K$28,Apoio!$H$28)))))))</f>
        <v>-</v>
      </c>
    </row>
    <row r="38" spans="1:33">
      <c r="A38" s="46"/>
      <c r="B38" s="4">
        <v>34</v>
      </c>
      <c r="C38" s="167" t="str">
        <f t="shared" si="1"/>
        <v/>
      </c>
      <c r="D38" s="4"/>
      <c r="E38" s="4"/>
      <c r="F38" s="4"/>
      <c r="G38" s="4"/>
      <c r="H38" s="47"/>
      <c r="I38" s="4"/>
      <c r="J38" s="4"/>
      <c r="K38" s="60" t="str">
        <f>IFERROR(
IF(J38="","",
VLOOKUP(J38,Apoio!$B$5:$F$9,2,0)),"-")</f>
        <v/>
      </c>
      <c r="L38" s="48"/>
      <c r="M38" s="49"/>
      <c r="N38" s="60" t="str">
        <f>IF(M38="","",
VLOOKUP(M38,Apoio!$H$4:$P$9,2,0))</f>
        <v/>
      </c>
      <c r="O38" s="60" t="str">
        <f>IF(M38="","",
VLOOKUP(M38,Apoio!$H$4:$P$9,4,0))</f>
        <v/>
      </c>
      <c r="P38" s="49"/>
      <c r="Q38" s="60" t="str">
        <f>IF(P38="","",
VLOOKUP(P38,Apoio!$H$13:$P$19,2,0))</f>
        <v/>
      </c>
      <c r="R38" s="60" t="str">
        <f>IF(P38="","",
VLOOKUP(P38,Apoio!$H$13:$P$19,4,0))</f>
        <v/>
      </c>
      <c r="S38" s="61" t="str">
        <f t="shared" si="0"/>
        <v/>
      </c>
      <c r="T38" s="60" t="str">
        <f>IF(OR(M38="",P38=""),"",
IF(S38&lt;=Apoio!$M$23,Apoio!$H$23,
IF(S38&lt;=Apoio!$M$24,Apoio!$H$24,
IF(S38&lt;=Apoio!$M$25,Apoio!$H$25,
IF(S38&lt;=Apoio!$M$26,Apoio!$H$26,
IF(S38&lt;=Apoio!$M$27,Apoio!$H$27,
IF(S38&gt;Apoio!$M$27,Apoio!$H$28,)))))))</f>
        <v/>
      </c>
      <c r="V38" s="59" t="str">
        <f>IFERROR(VLOOKUP('1. Ambiente'!D$6,Apoio!$R$4:$X$9,MATCH(T38,Apoio!$R$4:$X$4,0),0),"-")</f>
        <v>-</v>
      </c>
      <c r="W38" s="16"/>
      <c r="X38" s="73" t="str">
        <f>IF(W38="","",
VLOOKUP(W38,Apoio!$R$22:$S$25,2,0))</f>
        <v/>
      </c>
      <c r="Y38" s="52"/>
      <c r="Z38" s="52"/>
      <c r="AA38" s="16"/>
      <c r="AB38" s="17"/>
      <c r="AC38" s="17"/>
      <c r="AE38" s="165" t="str">
        <f>IFERROR(
IF(J38="","",
VLOOKUP(J38,Apoio!$B$5:$F$9,4,0)),"-")</f>
        <v/>
      </c>
      <c r="AF38" s="62" t="str">
        <f t="shared" si="2"/>
        <v>-</v>
      </c>
      <c r="AG38" s="165" t="str">
        <f>IF(AF38="-","-",
IF(AND(AF38&gt;=Apoio!$K$23,AF38&lt;Apoio!$M$23),Apoio!$H$23,
IF(AND(AF38&gt;=Apoio!$K$24,AF38&lt;Apoio!$M$24),Apoio!$H$24,
IF(AND(AF38&gt;=Apoio!$K$25,AF38&lt;Apoio!$M$25),Apoio!$H$25,
IF(AND(AF38&gt;=Apoio!$K$26,AF38&lt;Apoio!$M$26),Apoio!$H$26,
IF(AND(AF38&gt;=Apoio!$K$27,AF38&lt;Apoio!$M$27),Apoio!$H$27,
IF(AF38&gt;=Apoio!$K$28,Apoio!$H$28)))))))</f>
        <v>-</v>
      </c>
    </row>
    <row r="39" spans="1:33">
      <c r="A39" s="46"/>
      <c r="B39" s="4">
        <v>35</v>
      </c>
      <c r="C39" s="167" t="str">
        <f t="shared" si="1"/>
        <v/>
      </c>
      <c r="D39" s="4"/>
      <c r="E39" s="4"/>
      <c r="F39" s="4"/>
      <c r="G39" s="4"/>
      <c r="H39" s="47"/>
      <c r="I39" s="4"/>
      <c r="J39" s="4"/>
      <c r="K39" s="60" t="str">
        <f>IFERROR(
IF(J39="","",
VLOOKUP(J39,Apoio!$B$5:$F$9,2,0)),"-")</f>
        <v/>
      </c>
      <c r="L39" s="48"/>
      <c r="M39" s="49"/>
      <c r="N39" s="60" t="str">
        <f>IF(M39="","",
VLOOKUP(M39,Apoio!$H$4:$P$9,2,0))</f>
        <v/>
      </c>
      <c r="O39" s="60" t="str">
        <f>IF(M39="","",
VLOOKUP(M39,Apoio!$H$4:$P$9,4,0))</f>
        <v/>
      </c>
      <c r="P39" s="49"/>
      <c r="Q39" s="60" t="str">
        <f>IF(P39="","",
VLOOKUP(P39,Apoio!$H$13:$P$19,2,0))</f>
        <v/>
      </c>
      <c r="R39" s="60" t="str">
        <f>IF(P39="","",
VLOOKUP(P39,Apoio!$H$13:$P$19,4,0))</f>
        <v/>
      </c>
      <c r="S39" s="61" t="str">
        <f t="shared" si="0"/>
        <v/>
      </c>
      <c r="T39" s="60" t="str">
        <f>IF(OR(M39="",P39=""),"",
IF(S39&lt;=Apoio!$M$23,Apoio!$H$23,
IF(S39&lt;=Apoio!$M$24,Apoio!$H$24,
IF(S39&lt;=Apoio!$M$25,Apoio!$H$25,
IF(S39&lt;=Apoio!$M$26,Apoio!$H$26,
IF(S39&lt;=Apoio!$M$27,Apoio!$H$27,
IF(S39&gt;Apoio!$M$27,Apoio!$H$28,)))))))</f>
        <v/>
      </c>
      <c r="V39" s="59" t="str">
        <f>IFERROR(VLOOKUP('1. Ambiente'!D$6,Apoio!$R$4:$X$9,MATCH(T39,Apoio!$R$4:$X$4,0),0),"-")</f>
        <v>-</v>
      </c>
      <c r="W39" s="16"/>
      <c r="X39" s="73" t="str">
        <f>IF(W39="","",
VLOOKUP(W39,Apoio!$R$22:$S$25,2,0))</f>
        <v/>
      </c>
      <c r="Y39" s="52"/>
      <c r="Z39" s="52"/>
      <c r="AA39" s="16"/>
      <c r="AB39" s="17"/>
      <c r="AC39" s="17"/>
      <c r="AE39" s="165" t="str">
        <f>IFERROR(
IF(J39="","",
VLOOKUP(J39,Apoio!$B$5:$F$9,4,0)),"-")</f>
        <v/>
      </c>
      <c r="AF39" s="62" t="str">
        <f t="shared" si="2"/>
        <v>-</v>
      </c>
      <c r="AG39" s="165" t="str">
        <f>IF(AF39="-","-",
IF(AND(AF39&gt;=Apoio!$K$23,AF39&lt;Apoio!$M$23),Apoio!$H$23,
IF(AND(AF39&gt;=Apoio!$K$24,AF39&lt;Apoio!$M$24),Apoio!$H$24,
IF(AND(AF39&gt;=Apoio!$K$25,AF39&lt;Apoio!$M$25),Apoio!$H$25,
IF(AND(AF39&gt;=Apoio!$K$26,AF39&lt;Apoio!$M$26),Apoio!$H$26,
IF(AND(AF39&gt;=Apoio!$K$27,AF39&lt;Apoio!$M$27),Apoio!$H$27,
IF(AF39&gt;=Apoio!$K$28,Apoio!$H$28)))))))</f>
        <v>-</v>
      </c>
    </row>
    <row r="40" spans="1:33">
      <c r="A40" s="46"/>
      <c r="B40" s="4">
        <v>36</v>
      </c>
      <c r="C40" s="167" t="str">
        <f t="shared" si="1"/>
        <v/>
      </c>
      <c r="D40" s="4"/>
      <c r="E40" s="4"/>
      <c r="F40" s="4"/>
      <c r="G40" s="4"/>
      <c r="H40" s="47"/>
      <c r="I40" s="4"/>
      <c r="J40" s="4"/>
      <c r="K40" s="60" t="str">
        <f>IFERROR(
IF(J40="","",
VLOOKUP(J40,Apoio!$B$5:$F$9,2,0)),"-")</f>
        <v/>
      </c>
      <c r="L40" s="48"/>
      <c r="M40" s="49"/>
      <c r="N40" s="60" t="str">
        <f>IF(M40="","",
VLOOKUP(M40,Apoio!$H$4:$P$9,2,0))</f>
        <v/>
      </c>
      <c r="O40" s="60" t="str">
        <f>IF(M40="","",
VLOOKUP(M40,Apoio!$H$4:$P$9,4,0))</f>
        <v/>
      </c>
      <c r="P40" s="49"/>
      <c r="Q40" s="60" t="str">
        <f>IF(P40="","",
VLOOKUP(P40,Apoio!$H$13:$P$19,2,0))</f>
        <v/>
      </c>
      <c r="R40" s="60" t="str">
        <f>IF(P40="","",
VLOOKUP(P40,Apoio!$H$13:$P$19,4,0))</f>
        <v/>
      </c>
      <c r="S40" s="61" t="str">
        <f t="shared" si="0"/>
        <v/>
      </c>
      <c r="T40" s="60" t="str">
        <f>IF(OR(M40="",P40=""),"",
IF(S40&lt;=Apoio!$M$23,Apoio!$H$23,
IF(S40&lt;=Apoio!$M$24,Apoio!$H$24,
IF(S40&lt;=Apoio!$M$25,Apoio!$H$25,
IF(S40&lt;=Apoio!$M$26,Apoio!$H$26,
IF(S40&lt;=Apoio!$M$27,Apoio!$H$27,
IF(S40&gt;Apoio!$M$27,Apoio!$H$28,)))))))</f>
        <v/>
      </c>
      <c r="V40" s="59" t="str">
        <f>IFERROR(VLOOKUP('1. Ambiente'!D$6,Apoio!$R$4:$X$9,MATCH(T40,Apoio!$R$4:$X$4,0),0),"-")</f>
        <v>-</v>
      </c>
      <c r="W40" s="16"/>
      <c r="X40" s="73" t="str">
        <f>IF(W40="","",
VLOOKUP(W40,Apoio!$R$22:$S$25,2,0))</f>
        <v/>
      </c>
      <c r="Y40" s="52"/>
      <c r="Z40" s="52"/>
      <c r="AA40" s="16"/>
      <c r="AB40" s="17"/>
      <c r="AC40" s="17"/>
      <c r="AE40" s="165" t="str">
        <f>IFERROR(
IF(J40="","",
VLOOKUP(J40,Apoio!$B$5:$F$9,4,0)),"-")</f>
        <v/>
      </c>
      <c r="AF40" s="62" t="str">
        <f t="shared" si="2"/>
        <v>-</v>
      </c>
      <c r="AG40" s="165" t="str">
        <f>IF(AF40="-","-",
IF(AND(AF40&gt;=Apoio!$K$23,AF40&lt;Apoio!$M$23),Apoio!$H$23,
IF(AND(AF40&gt;=Apoio!$K$24,AF40&lt;Apoio!$M$24),Apoio!$H$24,
IF(AND(AF40&gt;=Apoio!$K$25,AF40&lt;Apoio!$M$25),Apoio!$H$25,
IF(AND(AF40&gt;=Apoio!$K$26,AF40&lt;Apoio!$M$26),Apoio!$H$26,
IF(AND(AF40&gt;=Apoio!$K$27,AF40&lt;Apoio!$M$27),Apoio!$H$27,
IF(AF40&gt;=Apoio!$K$28,Apoio!$H$28)))))))</f>
        <v>-</v>
      </c>
    </row>
    <row r="41" spans="1:33">
      <c r="A41" s="46"/>
      <c r="B41" s="4">
        <v>37</v>
      </c>
      <c r="C41" s="167" t="str">
        <f t="shared" si="1"/>
        <v/>
      </c>
      <c r="D41" s="4"/>
      <c r="E41" s="4"/>
      <c r="F41" s="4"/>
      <c r="G41" s="4"/>
      <c r="H41" s="47"/>
      <c r="I41" s="4"/>
      <c r="J41" s="4"/>
      <c r="K41" s="60" t="str">
        <f>IFERROR(
IF(J41="","",
VLOOKUP(J41,Apoio!$B$5:$F$9,2,0)),"-")</f>
        <v/>
      </c>
      <c r="L41" s="48"/>
      <c r="M41" s="49"/>
      <c r="N41" s="60" t="str">
        <f>IF(M41="","",
VLOOKUP(M41,Apoio!$H$4:$P$9,2,0))</f>
        <v/>
      </c>
      <c r="O41" s="60" t="str">
        <f>IF(M41="","",
VLOOKUP(M41,Apoio!$H$4:$P$9,4,0))</f>
        <v/>
      </c>
      <c r="P41" s="49"/>
      <c r="Q41" s="60" t="str">
        <f>IF(P41="","",
VLOOKUP(P41,Apoio!$H$13:$P$19,2,0))</f>
        <v/>
      </c>
      <c r="R41" s="60" t="str">
        <f>IF(P41="","",
VLOOKUP(P41,Apoio!$H$13:$P$19,4,0))</f>
        <v/>
      </c>
      <c r="S41" s="61" t="str">
        <f t="shared" si="0"/>
        <v/>
      </c>
      <c r="T41" s="60" t="str">
        <f>IF(OR(M41="",P41=""),"",
IF(S41&lt;=Apoio!$M$23,Apoio!$H$23,
IF(S41&lt;=Apoio!$M$24,Apoio!$H$24,
IF(S41&lt;=Apoio!$M$25,Apoio!$H$25,
IF(S41&lt;=Apoio!$M$26,Apoio!$H$26,
IF(S41&lt;=Apoio!$M$27,Apoio!$H$27,
IF(S41&gt;Apoio!$M$27,Apoio!$H$28,)))))))</f>
        <v/>
      </c>
      <c r="V41" s="59" t="str">
        <f>IFERROR(VLOOKUP('1. Ambiente'!D$6,Apoio!$R$4:$X$9,MATCH(T41,Apoio!$R$4:$X$4,0),0),"-")</f>
        <v>-</v>
      </c>
      <c r="W41" s="16"/>
      <c r="X41" s="73" t="str">
        <f>IF(W41="","",
VLOOKUP(W41,Apoio!$R$22:$S$25,2,0))</f>
        <v/>
      </c>
      <c r="Y41" s="52"/>
      <c r="Z41" s="52"/>
      <c r="AA41" s="16"/>
      <c r="AB41" s="17"/>
      <c r="AC41" s="17"/>
      <c r="AE41" s="165" t="str">
        <f>IFERROR(
IF(J41="","",
VLOOKUP(J41,Apoio!$B$5:$F$9,4,0)),"-")</f>
        <v/>
      </c>
      <c r="AF41" s="62" t="str">
        <f t="shared" si="2"/>
        <v>-</v>
      </c>
      <c r="AG41" s="165" t="str">
        <f>IF(AF41="-","-",
IF(AND(AF41&gt;=Apoio!$K$23,AF41&lt;Apoio!$M$23),Apoio!$H$23,
IF(AND(AF41&gt;=Apoio!$K$24,AF41&lt;Apoio!$M$24),Apoio!$H$24,
IF(AND(AF41&gt;=Apoio!$K$25,AF41&lt;Apoio!$M$25),Apoio!$H$25,
IF(AND(AF41&gt;=Apoio!$K$26,AF41&lt;Apoio!$M$26),Apoio!$H$26,
IF(AND(AF41&gt;=Apoio!$K$27,AF41&lt;Apoio!$M$27),Apoio!$H$27,
IF(AF41&gt;=Apoio!$K$28,Apoio!$H$28)))))))</f>
        <v>-</v>
      </c>
    </row>
    <row r="42" spans="1:33">
      <c r="A42" s="46"/>
      <c r="B42" s="4">
        <v>38</v>
      </c>
      <c r="C42" s="167" t="str">
        <f t="shared" si="1"/>
        <v/>
      </c>
      <c r="D42" s="4"/>
      <c r="E42" s="4"/>
      <c r="F42" s="4"/>
      <c r="G42" s="4"/>
      <c r="H42" s="47"/>
      <c r="I42" s="4"/>
      <c r="J42" s="4"/>
      <c r="K42" s="60" t="str">
        <f>IFERROR(
IF(J42="","",
VLOOKUP(J42,Apoio!$B$5:$F$9,2,0)),"-")</f>
        <v/>
      </c>
      <c r="L42" s="48"/>
      <c r="M42" s="49"/>
      <c r="N42" s="60" t="str">
        <f>IF(M42="","",
VLOOKUP(M42,Apoio!$H$4:$P$9,2,0))</f>
        <v/>
      </c>
      <c r="O42" s="60" t="str">
        <f>IF(M42="","",
VLOOKUP(M42,Apoio!$H$4:$P$9,4,0))</f>
        <v/>
      </c>
      <c r="P42" s="49"/>
      <c r="Q42" s="60" t="str">
        <f>IF(P42="","",
VLOOKUP(P42,Apoio!$H$13:$P$19,2,0))</f>
        <v/>
      </c>
      <c r="R42" s="60" t="str">
        <f>IF(P42="","",
VLOOKUP(P42,Apoio!$H$13:$P$19,4,0))</f>
        <v/>
      </c>
      <c r="S42" s="61" t="str">
        <f t="shared" si="0"/>
        <v/>
      </c>
      <c r="T42" s="60" t="str">
        <f>IF(OR(M42="",P42=""),"",
IF(S42&lt;=Apoio!$M$23,Apoio!$H$23,
IF(S42&lt;=Apoio!$M$24,Apoio!$H$24,
IF(S42&lt;=Apoio!$M$25,Apoio!$H$25,
IF(S42&lt;=Apoio!$M$26,Apoio!$H$26,
IF(S42&lt;=Apoio!$M$27,Apoio!$H$27,
IF(S42&gt;Apoio!$M$27,Apoio!$H$28,)))))))</f>
        <v/>
      </c>
      <c r="V42" s="59" t="str">
        <f>IFERROR(VLOOKUP('1. Ambiente'!D$6,Apoio!$R$4:$X$9,MATCH(T42,Apoio!$R$4:$X$4,0),0),"-")</f>
        <v>-</v>
      </c>
      <c r="W42" s="16"/>
      <c r="X42" s="73" t="str">
        <f>IF(W42="","",
VLOOKUP(W42,Apoio!$R$22:$S$25,2,0))</f>
        <v/>
      </c>
      <c r="Y42" s="52"/>
      <c r="Z42" s="52"/>
      <c r="AA42" s="16"/>
      <c r="AB42" s="17"/>
      <c r="AC42" s="17"/>
      <c r="AE42" s="165" t="str">
        <f>IFERROR(
IF(J42="","",
VLOOKUP(J42,Apoio!$B$5:$F$9,4,0)),"-")</f>
        <v/>
      </c>
      <c r="AF42" s="62" t="str">
        <f t="shared" si="2"/>
        <v>-</v>
      </c>
      <c r="AG42" s="165" t="str">
        <f>IF(AF42="-","-",
IF(AND(AF42&gt;=Apoio!$K$23,AF42&lt;Apoio!$M$23),Apoio!$H$23,
IF(AND(AF42&gt;=Apoio!$K$24,AF42&lt;Apoio!$M$24),Apoio!$H$24,
IF(AND(AF42&gt;=Apoio!$K$25,AF42&lt;Apoio!$M$25),Apoio!$H$25,
IF(AND(AF42&gt;=Apoio!$K$26,AF42&lt;Apoio!$M$26),Apoio!$H$26,
IF(AND(AF42&gt;=Apoio!$K$27,AF42&lt;Apoio!$M$27),Apoio!$H$27,
IF(AF42&gt;=Apoio!$K$28,Apoio!$H$28)))))))</f>
        <v>-</v>
      </c>
    </row>
    <row r="43" spans="1:33">
      <c r="A43" s="46"/>
      <c r="B43" s="4">
        <v>39</v>
      </c>
      <c r="C43" s="167" t="str">
        <f t="shared" si="1"/>
        <v/>
      </c>
      <c r="D43" s="4"/>
      <c r="E43" s="4"/>
      <c r="F43" s="4"/>
      <c r="G43" s="4"/>
      <c r="H43" s="47"/>
      <c r="I43" s="4"/>
      <c r="J43" s="4"/>
      <c r="K43" s="60" t="str">
        <f>IFERROR(
IF(J43="","",
VLOOKUP(J43,Apoio!$B$5:$F$9,2,0)),"-")</f>
        <v/>
      </c>
      <c r="L43" s="48"/>
      <c r="M43" s="49"/>
      <c r="N43" s="60" t="str">
        <f>IF(M43="","",
VLOOKUP(M43,Apoio!$H$4:$P$9,2,0))</f>
        <v/>
      </c>
      <c r="O43" s="60" t="str">
        <f>IF(M43="","",
VLOOKUP(M43,Apoio!$H$4:$P$9,4,0))</f>
        <v/>
      </c>
      <c r="P43" s="49"/>
      <c r="Q43" s="60" t="str">
        <f>IF(P43="","",
VLOOKUP(P43,Apoio!$H$13:$P$19,2,0))</f>
        <v/>
      </c>
      <c r="R43" s="60" t="str">
        <f>IF(P43="","",
VLOOKUP(P43,Apoio!$H$13:$P$19,4,0))</f>
        <v/>
      </c>
      <c r="S43" s="61" t="str">
        <f t="shared" si="0"/>
        <v/>
      </c>
      <c r="T43" s="60" t="str">
        <f>IF(OR(M43="",P43=""),"",
IF(S43&lt;=Apoio!$M$23,Apoio!$H$23,
IF(S43&lt;=Apoio!$M$24,Apoio!$H$24,
IF(S43&lt;=Apoio!$M$25,Apoio!$H$25,
IF(S43&lt;=Apoio!$M$26,Apoio!$H$26,
IF(S43&lt;=Apoio!$M$27,Apoio!$H$27,
IF(S43&gt;Apoio!$M$27,Apoio!$H$28,)))))))</f>
        <v/>
      </c>
      <c r="V43" s="59" t="str">
        <f>IFERROR(VLOOKUP('1. Ambiente'!D$6,Apoio!$R$4:$X$9,MATCH(T43,Apoio!$R$4:$X$4,0),0),"-")</f>
        <v>-</v>
      </c>
      <c r="W43" s="16"/>
      <c r="X43" s="73" t="str">
        <f>IF(W43="","",
VLOOKUP(W43,Apoio!$R$22:$S$25,2,0))</f>
        <v/>
      </c>
      <c r="Y43" s="52"/>
      <c r="Z43" s="52"/>
      <c r="AA43" s="16"/>
      <c r="AB43" s="17"/>
      <c r="AC43" s="17"/>
      <c r="AE43" s="165" t="str">
        <f>IFERROR(
IF(J43="","",
VLOOKUP(J43,Apoio!$B$5:$F$9,4,0)),"-")</f>
        <v/>
      </c>
      <c r="AF43" s="62" t="str">
        <f t="shared" si="2"/>
        <v>-</v>
      </c>
      <c r="AG43" s="165" t="str">
        <f>IF(AF43="-","-",
IF(AND(AF43&gt;=Apoio!$K$23,AF43&lt;Apoio!$M$23),Apoio!$H$23,
IF(AND(AF43&gt;=Apoio!$K$24,AF43&lt;Apoio!$M$24),Apoio!$H$24,
IF(AND(AF43&gt;=Apoio!$K$25,AF43&lt;Apoio!$M$25),Apoio!$H$25,
IF(AND(AF43&gt;=Apoio!$K$26,AF43&lt;Apoio!$M$26),Apoio!$H$26,
IF(AND(AF43&gt;=Apoio!$K$27,AF43&lt;Apoio!$M$27),Apoio!$H$27,
IF(AF43&gt;=Apoio!$K$28,Apoio!$H$28)))))))</f>
        <v>-</v>
      </c>
    </row>
    <row r="44" spans="1:33">
      <c r="A44" s="46"/>
      <c r="B44" s="4">
        <v>40</v>
      </c>
      <c r="C44" s="167" t="str">
        <f t="shared" si="1"/>
        <v/>
      </c>
      <c r="D44" s="4"/>
      <c r="E44" s="4"/>
      <c r="F44" s="4"/>
      <c r="G44" s="4"/>
      <c r="H44" s="47"/>
      <c r="I44" s="4"/>
      <c r="J44" s="4"/>
      <c r="K44" s="60" t="str">
        <f>IFERROR(
IF(J44="","",
VLOOKUP(J44,Apoio!$B$5:$F$9,2,0)),"-")</f>
        <v/>
      </c>
      <c r="L44" s="48"/>
      <c r="M44" s="49"/>
      <c r="N44" s="60" t="str">
        <f>IF(M44="","",
VLOOKUP(M44,Apoio!$H$4:$P$9,2,0))</f>
        <v/>
      </c>
      <c r="O44" s="60" t="str">
        <f>IF(M44="","",
VLOOKUP(M44,Apoio!$H$4:$P$9,4,0))</f>
        <v/>
      </c>
      <c r="P44" s="49"/>
      <c r="Q44" s="60" t="str">
        <f>IF(P44="","",
VLOOKUP(P44,Apoio!$H$13:$P$19,2,0))</f>
        <v/>
      </c>
      <c r="R44" s="60" t="str">
        <f>IF(P44="","",
VLOOKUP(P44,Apoio!$H$13:$P$19,4,0))</f>
        <v/>
      </c>
      <c r="S44" s="61" t="str">
        <f t="shared" si="0"/>
        <v/>
      </c>
      <c r="T44" s="60" t="str">
        <f>IF(OR(M44="",P44=""),"",
IF(S44&lt;=Apoio!$M$23,Apoio!$H$23,
IF(S44&lt;=Apoio!$M$24,Apoio!$H$24,
IF(S44&lt;=Apoio!$M$25,Apoio!$H$25,
IF(S44&lt;=Apoio!$M$26,Apoio!$H$26,
IF(S44&lt;=Apoio!$M$27,Apoio!$H$27,
IF(S44&gt;Apoio!$M$27,Apoio!$H$28,)))))))</f>
        <v/>
      </c>
      <c r="V44" s="59" t="str">
        <f>IFERROR(VLOOKUP('1. Ambiente'!D$6,Apoio!$R$4:$X$9,MATCH(T44,Apoio!$R$4:$X$4,0),0),"-")</f>
        <v>-</v>
      </c>
      <c r="W44" s="16"/>
      <c r="X44" s="73" t="str">
        <f>IF(W44="","",
VLOOKUP(W44,Apoio!$R$22:$S$25,2,0))</f>
        <v/>
      </c>
      <c r="Y44" s="52"/>
      <c r="Z44" s="52"/>
      <c r="AA44" s="16"/>
      <c r="AB44" s="17"/>
      <c r="AC44" s="17"/>
      <c r="AE44" s="165" t="str">
        <f>IFERROR(
IF(J44="","",
VLOOKUP(J44,Apoio!$B$5:$F$9,4,0)),"-")</f>
        <v/>
      </c>
      <c r="AF44" s="62" t="str">
        <f t="shared" si="2"/>
        <v>-</v>
      </c>
      <c r="AG44" s="165" t="str">
        <f>IF(AF44="-","-",
IF(AND(AF44&gt;=Apoio!$K$23,AF44&lt;Apoio!$M$23),Apoio!$H$23,
IF(AND(AF44&gt;=Apoio!$K$24,AF44&lt;Apoio!$M$24),Apoio!$H$24,
IF(AND(AF44&gt;=Apoio!$K$25,AF44&lt;Apoio!$M$25),Apoio!$H$25,
IF(AND(AF44&gt;=Apoio!$K$26,AF44&lt;Apoio!$M$26),Apoio!$H$26,
IF(AND(AF44&gt;=Apoio!$K$27,AF44&lt;Apoio!$M$27),Apoio!$H$27,
IF(AF44&gt;=Apoio!$K$28,Apoio!$H$28)))))))</f>
        <v>-</v>
      </c>
    </row>
    <row r="45" spans="1:33">
      <c r="A45" s="46"/>
      <c r="B45" s="4">
        <v>41</v>
      </c>
      <c r="C45" s="167" t="str">
        <f t="shared" si="1"/>
        <v/>
      </c>
      <c r="D45" s="4"/>
      <c r="E45" s="4"/>
      <c r="F45" s="4"/>
      <c r="G45" s="4"/>
      <c r="H45" s="47"/>
      <c r="I45" s="4"/>
      <c r="J45" s="4"/>
      <c r="K45" s="60" t="str">
        <f>IFERROR(
IF(J45="","",
VLOOKUP(J45,Apoio!$B$5:$F$9,2,0)),"-")</f>
        <v/>
      </c>
      <c r="L45" s="48"/>
      <c r="M45" s="49"/>
      <c r="N45" s="60" t="str">
        <f>IF(M45="","",
VLOOKUP(M45,Apoio!$H$4:$P$9,2,0))</f>
        <v/>
      </c>
      <c r="O45" s="60" t="str">
        <f>IF(M45="","",
VLOOKUP(M45,Apoio!$H$4:$P$9,4,0))</f>
        <v/>
      </c>
      <c r="P45" s="49"/>
      <c r="Q45" s="60" t="str">
        <f>IF(P45="","",
VLOOKUP(P45,Apoio!$H$13:$P$19,2,0))</f>
        <v/>
      </c>
      <c r="R45" s="60" t="str">
        <f>IF(P45="","",
VLOOKUP(P45,Apoio!$H$13:$P$19,4,0))</f>
        <v/>
      </c>
      <c r="S45" s="61" t="str">
        <f t="shared" si="0"/>
        <v/>
      </c>
      <c r="T45" s="60" t="str">
        <f>IF(OR(M45="",P45=""),"",
IF(S45&lt;=Apoio!$M$23,Apoio!$H$23,
IF(S45&lt;=Apoio!$M$24,Apoio!$H$24,
IF(S45&lt;=Apoio!$M$25,Apoio!$H$25,
IF(S45&lt;=Apoio!$M$26,Apoio!$H$26,
IF(S45&lt;=Apoio!$M$27,Apoio!$H$27,
IF(S45&gt;Apoio!$M$27,Apoio!$H$28,)))))))</f>
        <v/>
      </c>
      <c r="V45" s="59" t="str">
        <f>IFERROR(VLOOKUP('1. Ambiente'!D$6,Apoio!$R$4:$X$9,MATCH(T45,Apoio!$R$4:$X$4,0),0),"-")</f>
        <v>-</v>
      </c>
      <c r="W45" s="16"/>
      <c r="X45" s="73" t="str">
        <f>IF(W45="","",
VLOOKUP(W45,Apoio!$R$22:$S$25,2,0))</f>
        <v/>
      </c>
      <c r="Y45" s="52"/>
      <c r="Z45" s="52"/>
      <c r="AA45" s="16"/>
      <c r="AB45" s="17"/>
      <c r="AC45" s="17"/>
      <c r="AE45" s="165" t="str">
        <f>IFERROR(
IF(J45="","",
VLOOKUP(J45,Apoio!$B$5:$F$9,4,0)),"-")</f>
        <v/>
      </c>
      <c r="AF45" s="62" t="str">
        <f t="shared" si="2"/>
        <v>-</v>
      </c>
      <c r="AG45" s="165" t="str">
        <f>IF(AF45="-","-",
IF(AND(AF45&gt;=Apoio!$K$23,AF45&lt;Apoio!$M$23),Apoio!$H$23,
IF(AND(AF45&gt;=Apoio!$K$24,AF45&lt;Apoio!$M$24),Apoio!$H$24,
IF(AND(AF45&gt;=Apoio!$K$25,AF45&lt;Apoio!$M$25),Apoio!$H$25,
IF(AND(AF45&gt;=Apoio!$K$26,AF45&lt;Apoio!$M$26),Apoio!$H$26,
IF(AND(AF45&gt;=Apoio!$K$27,AF45&lt;Apoio!$M$27),Apoio!$H$27,
IF(AF45&gt;=Apoio!$K$28,Apoio!$H$28)))))))</f>
        <v>-</v>
      </c>
    </row>
    <row r="46" spans="1:33">
      <c r="A46" s="46"/>
      <c r="B46" s="4">
        <v>42</v>
      </c>
      <c r="C46" s="167" t="str">
        <f t="shared" si="1"/>
        <v/>
      </c>
      <c r="D46" s="4"/>
      <c r="E46" s="4"/>
      <c r="F46" s="4"/>
      <c r="G46" s="4"/>
      <c r="H46" s="47"/>
      <c r="I46" s="4"/>
      <c r="J46" s="4"/>
      <c r="K46" s="60" t="str">
        <f>IFERROR(
IF(J46="","",
VLOOKUP(J46,Apoio!$B$5:$F$9,2,0)),"-")</f>
        <v/>
      </c>
      <c r="L46" s="48"/>
      <c r="M46" s="49"/>
      <c r="N46" s="60" t="str">
        <f>IF(M46="","",
VLOOKUP(M46,Apoio!$H$4:$P$9,2,0))</f>
        <v/>
      </c>
      <c r="O46" s="60" t="str">
        <f>IF(M46="","",
VLOOKUP(M46,Apoio!$H$4:$P$9,4,0))</f>
        <v/>
      </c>
      <c r="P46" s="49"/>
      <c r="Q46" s="60" t="str">
        <f>IF(P46="","",
VLOOKUP(P46,Apoio!$H$13:$P$19,2,0))</f>
        <v/>
      </c>
      <c r="R46" s="60" t="str">
        <f>IF(P46="","",
VLOOKUP(P46,Apoio!$H$13:$P$19,4,0))</f>
        <v/>
      </c>
      <c r="S46" s="61" t="str">
        <f t="shared" si="0"/>
        <v/>
      </c>
      <c r="T46" s="60" t="str">
        <f>IF(OR(M46="",P46=""),"",
IF(S46&lt;=Apoio!$M$23,Apoio!$H$23,
IF(S46&lt;=Apoio!$M$24,Apoio!$H$24,
IF(S46&lt;=Apoio!$M$25,Apoio!$H$25,
IF(S46&lt;=Apoio!$M$26,Apoio!$H$26,
IF(S46&lt;=Apoio!$M$27,Apoio!$H$27,
IF(S46&gt;Apoio!$M$27,Apoio!$H$28,)))))))</f>
        <v/>
      </c>
      <c r="V46" s="59" t="str">
        <f>IFERROR(VLOOKUP('1. Ambiente'!D$6,Apoio!$R$4:$X$9,MATCH(T46,Apoio!$R$4:$X$4,0),0),"-")</f>
        <v>-</v>
      </c>
      <c r="W46" s="16"/>
      <c r="X46" s="73" t="str">
        <f>IF(W46="","",
VLOOKUP(W46,Apoio!$R$22:$S$25,2,0))</f>
        <v/>
      </c>
      <c r="Y46" s="52"/>
      <c r="Z46" s="52"/>
      <c r="AA46" s="16"/>
      <c r="AB46" s="17"/>
      <c r="AC46" s="17"/>
      <c r="AE46" s="165" t="str">
        <f>IFERROR(
IF(J46="","",
VLOOKUP(J46,Apoio!$B$5:$F$9,4,0)),"-")</f>
        <v/>
      </c>
      <c r="AF46" s="62" t="str">
        <f t="shared" si="2"/>
        <v>-</v>
      </c>
      <c r="AG46" s="165" t="str">
        <f>IF(AF46="-","-",
IF(AND(AF46&gt;=Apoio!$K$23,AF46&lt;Apoio!$M$23),Apoio!$H$23,
IF(AND(AF46&gt;=Apoio!$K$24,AF46&lt;Apoio!$M$24),Apoio!$H$24,
IF(AND(AF46&gt;=Apoio!$K$25,AF46&lt;Apoio!$M$25),Apoio!$H$25,
IF(AND(AF46&gt;=Apoio!$K$26,AF46&lt;Apoio!$M$26),Apoio!$H$26,
IF(AND(AF46&gt;=Apoio!$K$27,AF46&lt;Apoio!$M$27),Apoio!$H$27,
IF(AF46&gt;=Apoio!$K$28,Apoio!$H$28)))))))</f>
        <v>-</v>
      </c>
    </row>
    <row r="47" spans="1:33">
      <c r="A47" s="46"/>
      <c r="B47" s="4">
        <v>43</v>
      </c>
      <c r="C47" s="167" t="str">
        <f t="shared" si="1"/>
        <v/>
      </c>
      <c r="D47" s="4"/>
      <c r="E47" s="4"/>
      <c r="F47" s="4"/>
      <c r="G47" s="4"/>
      <c r="H47" s="47"/>
      <c r="I47" s="4"/>
      <c r="J47" s="4"/>
      <c r="K47" s="60" t="str">
        <f>IFERROR(
IF(J47="","",
VLOOKUP(J47,Apoio!$B$5:$F$9,2,0)),"-")</f>
        <v/>
      </c>
      <c r="L47" s="48"/>
      <c r="M47" s="49"/>
      <c r="N47" s="60" t="str">
        <f>IF(M47="","",
VLOOKUP(M47,Apoio!$H$4:$P$9,2,0))</f>
        <v/>
      </c>
      <c r="O47" s="60" t="str">
        <f>IF(M47="","",
VLOOKUP(M47,Apoio!$H$4:$P$9,4,0))</f>
        <v/>
      </c>
      <c r="P47" s="49"/>
      <c r="Q47" s="60" t="str">
        <f>IF(P47="","",
VLOOKUP(P47,Apoio!$H$13:$P$19,2,0))</f>
        <v/>
      </c>
      <c r="R47" s="60" t="str">
        <f>IF(P47="","",
VLOOKUP(P47,Apoio!$H$13:$P$19,4,0))</f>
        <v/>
      </c>
      <c r="S47" s="61" t="str">
        <f t="shared" si="0"/>
        <v/>
      </c>
      <c r="T47" s="60" t="str">
        <f>IF(OR(M47="",P47=""),"",
IF(S47&lt;=Apoio!$M$23,Apoio!$H$23,
IF(S47&lt;=Apoio!$M$24,Apoio!$H$24,
IF(S47&lt;=Apoio!$M$25,Apoio!$H$25,
IF(S47&lt;=Apoio!$M$26,Apoio!$H$26,
IF(S47&lt;=Apoio!$M$27,Apoio!$H$27,
IF(S47&gt;Apoio!$M$27,Apoio!$H$28,)))))))</f>
        <v/>
      </c>
      <c r="V47" s="59" t="str">
        <f>IFERROR(VLOOKUP('1. Ambiente'!D$6,Apoio!$R$4:$X$9,MATCH(T47,Apoio!$R$4:$X$4,0),0),"-")</f>
        <v>-</v>
      </c>
      <c r="W47" s="16"/>
      <c r="X47" s="73" t="str">
        <f>IF(W47="","",
VLOOKUP(W47,Apoio!$R$22:$S$25,2,0))</f>
        <v/>
      </c>
      <c r="Y47" s="52"/>
      <c r="Z47" s="52"/>
      <c r="AA47" s="16"/>
      <c r="AB47" s="17"/>
      <c r="AC47" s="17"/>
      <c r="AE47" s="165" t="str">
        <f>IFERROR(
IF(J47="","",
VLOOKUP(J47,Apoio!$B$5:$F$9,4,0)),"-")</f>
        <v/>
      </c>
      <c r="AF47" s="62" t="str">
        <f t="shared" si="2"/>
        <v>-</v>
      </c>
      <c r="AG47" s="165" t="str">
        <f>IF(AF47="-","-",
IF(AND(AF47&gt;=Apoio!$K$23,AF47&lt;Apoio!$M$23),Apoio!$H$23,
IF(AND(AF47&gt;=Apoio!$K$24,AF47&lt;Apoio!$M$24),Apoio!$H$24,
IF(AND(AF47&gt;=Apoio!$K$25,AF47&lt;Apoio!$M$25),Apoio!$H$25,
IF(AND(AF47&gt;=Apoio!$K$26,AF47&lt;Apoio!$M$26),Apoio!$H$26,
IF(AND(AF47&gt;=Apoio!$K$27,AF47&lt;Apoio!$M$27),Apoio!$H$27,
IF(AF47&gt;=Apoio!$K$28,Apoio!$H$28)))))))</f>
        <v>-</v>
      </c>
    </row>
    <row r="48" spans="1:33">
      <c r="A48" s="46"/>
      <c r="B48" s="4">
        <v>44</v>
      </c>
      <c r="C48" s="167" t="str">
        <f t="shared" si="1"/>
        <v/>
      </c>
      <c r="D48" s="4"/>
      <c r="E48" s="4"/>
      <c r="F48" s="4"/>
      <c r="G48" s="4"/>
      <c r="H48" s="47"/>
      <c r="I48" s="4"/>
      <c r="J48" s="4"/>
      <c r="K48" s="60" t="str">
        <f>IFERROR(
IF(J48="","",
VLOOKUP(J48,Apoio!$B$5:$F$9,2,0)),"-")</f>
        <v/>
      </c>
      <c r="L48" s="48"/>
      <c r="M48" s="49"/>
      <c r="N48" s="60" t="str">
        <f>IF(M48="","",
VLOOKUP(M48,Apoio!$H$4:$P$9,2,0))</f>
        <v/>
      </c>
      <c r="O48" s="60" t="str">
        <f>IF(M48="","",
VLOOKUP(M48,Apoio!$H$4:$P$9,4,0))</f>
        <v/>
      </c>
      <c r="P48" s="49"/>
      <c r="Q48" s="60" t="str">
        <f>IF(P48="","",
VLOOKUP(P48,Apoio!$H$13:$P$19,2,0))</f>
        <v/>
      </c>
      <c r="R48" s="60" t="str">
        <f>IF(P48="","",
VLOOKUP(P48,Apoio!$H$13:$P$19,4,0))</f>
        <v/>
      </c>
      <c r="S48" s="61" t="str">
        <f t="shared" si="0"/>
        <v/>
      </c>
      <c r="T48" s="60" t="str">
        <f>IF(OR(M48="",P48=""),"",
IF(S48&lt;=Apoio!$M$23,Apoio!$H$23,
IF(S48&lt;=Apoio!$M$24,Apoio!$H$24,
IF(S48&lt;=Apoio!$M$25,Apoio!$H$25,
IF(S48&lt;=Apoio!$M$26,Apoio!$H$26,
IF(S48&lt;=Apoio!$M$27,Apoio!$H$27,
IF(S48&gt;Apoio!$M$27,Apoio!$H$28,)))))))</f>
        <v/>
      </c>
      <c r="V48" s="59" t="str">
        <f>IFERROR(VLOOKUP('1. Ambiente'!D$6,Apoio!$R$4:$X$9,MATCH(T48,Apoio!$R$4:$X$4,0),0),"-")</f>
        <v>-</v>
      </c>
      <c r="W48" s="16"/>
      <c r="X48" s="73" t="str">
        <f>IF(W48="","",
VLOOKUP(W48,Apoio!$R$22:$S$25,2,0))</f>
        <v/>
      </c>
      <c r="Y48" s="52"/>
      <c r="Z48" s="52"/>
      <c r="AA48" s="16"/>
      <c r="AB48" s="17"/>
      <c r="AC48" s="17"/>
      <c r="AE48" s="165" t="str">
        <f>IFERROR(
IF(J48="","",
VLOOKUP(J48,Apoio!$B$5:$F$9,4,0)),"-")</f>
        <v/>
      </c>
      <c r="AF48" s="62" t="str">
        <f t="shared" si="2"/>
        <v>-</v>
      </c>
      <c r="AG48" s="165" t="str">
        <f>IF(AF48="-","-",
IF(AND(AF48&gt;=Apoio!$K$23,AF48&lt;Apoio!$M$23),Apoio!$H$23,
IF(AND(AF48&gt;=Apoio!$K$24,AF48&lt;Apoio!$M$24),Apoio!$H$24,
IF(AND(AF48&gt;=Apoio!$K$25,AF48&lt;Apoio!$M$25),Apoio!$H$25,
IF(AND(AF48&gt;=Apoio!$K$26,AF48&lt;Apoio!$M$26),Apoio!$H$26,
IF(AND(AF48&gt;=Apoio!$K$27,AF48&lt;Apoio!$M$27),Apoio!$H$27,
IF(AF48&gt;=Apoio!$K$28,Apoio!$H$28)))))))</f>
        <v>-</v>
      </c>
    </row>
    <row r="49" spans="1:33">
      <c r="A49" s="46"/>
      <c r="B49" s="4">
        <v>45</v>
      </c>
      <c r="C49" s="167" t="str">
        <f t="shared" si="1"/>
        <v/>
      </c>
      <c r="D49" s="4"/>
      <c r="E49" s="4"/>
      <c r="F49" s="4"/>
      <c r="G49" s="4"/>
      <c r="H49" s="47"/>
      <c r="I49" s="4"/>
      <c r="J49" s="4"/>
      <c r="K49" s="60" t="str">
        <f>IFERROR(
IF(J49="","",
VLOOKUP(J49,Apoio!$B$5:$F$9,2,0)),"-")</f>
        <v/>
      </c>
      <c r="L49" s="48"/>
      <c r="M49" s="49"/>
      <c r="N49" s="60" t="str">
        <f>IF(M49="","",
VLOOKUP(M49,Apoio!$H$4:$P$9,2,0))</f>
        <v/>
      </c>
      <c r="O49" s="60" t="str">
        <f>IF(M49="","",
VLOOKUP(M49,Apoio!$H$4:$P$9,4,0))</f>
        <v/>
      </c>
      <c r="P49" s="49"/>
      <c r="Q49" s="60" t="str">
        <f>IF(P49="","",
VLOOKUP(P49,Apoio!$H$13:$P$19,2,0))</f>
        <v/>
      </c>
      <c r="R49" s="60" t="str">
        <f>IF(P49="","",
VLOOKUP(P49,Apoio!$H$13:$P$19,4,0))</f>
        <v/>
      </c>
      <c r="S49" s="61" t="str">
        <f t="shared" si="0"/>
        <v/>
      </c>
      <c r="T49" s="60" t="str">
        <f>IF(OR(M49="",P49=""),"",
IF(S49&lt;=Apoio!$M$23,Apoio!$H$23,
IF(S49&lt;=Apoio!$M$24,Apoio!$H$24,
IF(S49&lt;=Apoio!$M$25,Apoio!$H$25,
IF(S49&lt;=Apoio!$M$26,Apoio!$H$26,
IF(S49&lt;=Apoio!$M$27,Apoio!$H$27,
IF(S49&gt;Apoio!$M$27,Apoio!$H$28,)))))))</f>
        <v/>
      </c>
      <c r="V49" s="59" t="str">
        <f>IFERROR(VLOOKUP('1. Ambiente'!D$6,Apoio!$R$4:$X$9,MATCH(T49,Apoio!$R$4:$X$4,0),0),"-")</f>
        <v>-</v>
      </c>
      <c r="W49" s="16"/>
      <c r="X49" s="73" t="str">
        <f>IF(W49="","",
VLOOKUP(W49,Apoio!$R$22:$S$25,2,0))</f>
        <v/>
      </c>
      <c r="Y49" s="52"/>
      <c r="Z49" s="52"/>
      <c r="AA49" s="16"/>
      <c r="AB49" s="17"/>
      <c r="AC49" s="17"/>
      <c r="AE49" s="165" t="str">
        <f>IFERROR(
IF(J49="","",
VLOOKUP(J49,Apoio!$B$5:$F$9,4,0)),"-")</f>
        <v/>
      </c>
      <c r="AF49" s="62" t="str">
        <f t="shared" si="2"/>
        <v>-</v>
      </c>
      <c r="AG49" s="165" t="str">
        <f>IF(AF49="-","-",
IF(AND(AF49&gt;=Apoio!$K$23,AF49&lt;Apoio!$M$23),Apoio!$H$23,
IF(AND(AF49&gt;=Apoio!$K$24,AF49&lt;Apoio!$M$24),Apoio!$H$24,
IF(AND(AF49&gt;=Apoio!$K$25,AF49&lt;Apoio!$M$25),Apoio!$H$25,
IF(AND(AF49&gt;=Apoio!$K$26,AF49&lt;Apoio!$M$26),Apoio!$H$26,
IF(AND(AF49&gt;=Apoio!$K$27,AF49&lt;Apoio!$M$27),Apoio!$H$27,
IF(AF49&gt;=Apoio!$K$28,Apoio!$H$28)))))))</f>
        <v>-</v>
      </c>
    </row>
    <row r="50" spans="1:33">
      <c r="A50" s="46"/>
      <c r="B50" s="4">
        <v>46</v>
      </c>
      <c r="C50" s="167" t="str">
        <f t="shared" si="1"/>
        <v/>
      </c>
      <c r="D50" s="4"/>
      <c r="E50" s="4"/>
      <c r="F50" s="4"/>
      <c r="G50" s="4"/>
      <c r="H50" s="47"/>
      <c r="I50" s="4"/>
      <c r="J50" s="4"/>
      <c r="K50" s="60" t="str">
        <f>IFERROR(
IF(J50="","",
VLOOKUP(J50,Apoio!$B$5:$F$9,2,0)),"-")</f>
        <v/>
      </c>
      <c r="L50" s="48"/>
      <c r="M50" s="49"/>
      <c r="N50" s="60" t="str">
        <f>IF(M50="","",
VLOOKUP(M50,Apoio!$H$4:$P$9,2,0))</f>
        <v/>
      </c>
      <c r="O50" s="60" t="str">
        <f>IF(M50="","",
VLOOKUP(M50,Apoio!$H$4:$P$9,4,0))</f>
        <v/>
      </c>
      <c r="P50" s="49"/>
      <c r="Q50" s="60" t="str">
        <f>IF(P50="","",
VLOOKUP(P50,Apoio!$H$13:$P$19,2,0))</f>
        <v/>
      </c>
      <c r="R50" s="60" t="str">
        <f>IF(P50="","",
VLOOKUP(P50,Apoio!$H$13:$P$19,4,0))</f>
        <v/>
      </c>
      <c r="S50" s="61" t="str">
        <f t="shared" si="0"/>
        <v/>
      </c>
      <c r="T50" s="60" t="str">
        <f>IF(OR(M50="",P50=""),"",
IF(S50&lt;=Apoio!$M$23,Apoio!$H$23,
IF(S50&lt;=Apoio!$M$24,Apoio!$H$24,
IF(S50&lt;=Apoio!$M$25,Apoio!$H$25,
IF(S50&lt;=Apoio!$M$26,Apoio!$H$26,
IF(S50&lt;=Apoio!$M$27,Apoio!$H$27,
IF(S50&gt;Apoio!$M$27,Apoio!$H$28,)))))))</f>
        <v/>
      </c>
      <c r="V50" s="59" t="str">
        <f>IFERROR(VLOOKUP('1. Ambiente'!D$6,Apoio!$R$4:$X$9,MATCH(T50,Apoio!$R$4:$X$4,0),0),"-")</f>
        <v>-</v>
      </c>
      <c r="W50" s="16"/>
      <c r="X50" s="73" t="str">
        <f>IF(W50="","",
VLOOKUP(W50,Apoio!$R$22:$S$25,2,0))</f>
        <v/>
      </c>
      <c r="Y50" s="52"/>
      <c r="Z50" s="52"/>
      <c r="AA50" s="16"/>
      <c r="AB50" s="17"/>
      <c r="AC50" s="17"/>
      <c r="AE50" s="165" t="str">
        <f>IFERROR(
IF(J50="","",
VLOOKUP(J50,Apoio!$B$5:$F$9,4,0)),"-")</f>
        <v/>
      </c>
      <c r="AF50" s="62" t="str">
        <f t="shared" si="2"/>
        <v>-</v>
      </c>
      <c r="AG50" s="165" t="str">
        <f>IF(AF50="-","-",
IF(AND(AF50&gt;=Apoio!$K$23,AF50&lt;Apoio!$M$23),Apoio!$H$23,
IF(AND(AF50&gt;=Apoio!$K$24,AF50&lt;Apoio!$M$24),Apoio!$H$24,
IF(AND(AF50&gt;=Apoio!$K$25,AF50&lt;Apoio!$M$25),Apoio!$H$25,
IF(AND(AF50&gt;=Apoio!$K$26,AF50&lt;Apoio!$M$26),Apoio!$H$26,
IF(AND(AF50&gt;=Apoio!$K$27,AF50&lt;Apoio!$M$27),Apoio!$H$27,
IF(AF50&gt;=Apoio!$K$28,Apoio!$H$28)))))))</f>
        <v>-</v>
      </c>
    </row>
    <row r="51" spans="1:33">
      <c r="A51" s="46"/>
      <c r="B51" s="4">
        <v>47</v>
      </c>
      <c r="C51" s="167" t="str">
        <f t="shared" si="1"/>
        <v/>
      </c>
      <c r="D51" s="4"/>
      <c r="E51" s="4"/>
      <c r="F51" s="4"/>
      <c r="G51" s="4"/>
      <c r="H51" s="47"/>
      <c r="I51" s="4"/>
      <c r="J51" s="4"/>
      <c r="K51" s="60" t="str">
        <f>IFERROR(
IF(J51="","",
VLOOKUP(J51,Apoio!$B$5:$F$9,2,0)),"-")</f>
        <v/>
      </c>
      <c r="L51" s="48"/>
      <c r="M51" s="49"/>
      <c r="N51" s="60" t="str">
        <f>IF(M51="","",
VLOOKUP(M51,Apoio!$H$4:$P$9,2,0))</f>
        <v/>
      </c>
      <c r="O51" s="60" t="str">
        <f>IF(M51="","",
VLOOKUP(M51,Apoio!$H$4:$P$9,4,0))</f>
        <v/>
      </c>
      <c r="P51" s="49"/>
      <c r="Q51" s="60" t="str">
        <f>IF(P51="","",
VLOOKUP(P51,Apoio!$H$13:$P$19,2,0))</f>
        <v/>
      </c>
      <c r="R51" s="60" t="str">
        <f>IF(P51="","",
VLOOKUP(P51,Apoio!$H$13:$P$19,4,0))</f>
        <v/>
      </c>
      <c r="S51" s="61" t="str">
        <f t="shared" si="0"/>
        <v/>
      </c>
      <c r="T51" s="60" t="str">
        <f>IF(OR(M51="",P51=""),"",
IF(S51&lt;=Apoio!$M$23,Apoio!$H$23,
IF(S51&lt;=Apoio!$M$24,Apoio!$H$24,
IF(S51&lt;=Apoio!$M$25,Apoio!$H$25,
IF(S51&lt;=Apoio!$M$26,Apoio!$H$26,
IF(S51&lt;=Apoio!$M$27,Apoio!$H$27,
IF(S51&gt;Apoio!$M$27,Apoio!$H$28,)))))))</f>
        <v/>
      </c>
      <c r="V51" s="59" t="str">
        <f>IFERROR(VLOOKUP('1. Ambiente'!D$6,Apoio!$R$4:$X$9,MATCH(T51,Apoio!$R$4:$X$4,0),0),"-")</f>
        <v>-</v>
      </c>
      <c r="W51" s="16"/>
      <c r="X51" s="73" t="str">
        <f>IF(W51="","",
VLOOKUP(W51,Apoio!$R$22:$S$25,2,0))</f>
        <v/>
      </c>
      <c r="Y51" s="52"/>
      <c r="Z51" s="52"/>
      <c r="AA51" s="16"/>
      <c r="AB51" s="17"/>
      <c r="AC51" s="17"/>
      <c r="AE51" s="165" t="str">
        <f>IFERROR(
IF(J51="","",
VLOOKUP(J51,Apoio!$B$5:$F$9,4,0)),"-")</f>
        <v/>
      </c>
      <c r="AF51" s="62" t="str">
        <f t="shared" si="2"/>
        <v>-</v>
      </c>
      <c r="AG51" s="165" t="str">
        <f>IF(AF51="-","-",
IF(AND(AF51&gt;=Apoio!$K$23,AF51&lt;Apoio!$M$23),Apoio!$H$23,
IF(AND(AF51&gt;=Apoio!$K$24,AF51&lt;Apoio!$M$24),Apoio!$H$24,
IF(AND(AF51&gt;=Apoio!$K$25,AF51&lt;Apoio!$M$25),Apoio!$H$25,
IF(AND(AF51&gt;=Apoio!$K$26,AF51&lt;Apoio!$M$26),Apoio!$H$26,
IF(AND(AF51&gt;=Apoio!$K$27,AF51&lt;Apoio!$M$27),Apoio!$H$27,
IF(AF51&gt;=Apoio!$K$28,Apoio!$H$28)))))))</f>
        <v>-</v>
      </c>
    </row>
    <row r="52" spans="1:33">
      <c r="A52" s="46"/>
      <c r="B52" s="4">
        <v>48</v>
      </c>
      <c r="C52" s="167" t="str">
        <f t="shared" si="1"/>
        <v/>
      </c>
      <c r="D52" s="4"/>
      <c r="E52" s="4"/>
      <c r="F52" s="4"/>
      <c r="G52" s="4"/>
      <c r="H52" s="47"/>
      <c r="I52" s="4"/>
      <c r="J52" s="4"/>
      <c r="K52" s="60" t="str">
        <f>IFERROR(
IF(J52="","",
VLOOKUP(J52,Apoio!$B$5:$F$9,2,0)),"-")</f>
        <v/>
      </c>
      <c r="L52" s="48"/>
      <c r="M52" s="49"/>
      <c r="N52" s="60" t="str">
        <f>IF(M52="","",
VLOOKUP(M52,Apoio!$H$4:$P$9,2,0))</f>
        <v/>
      </c>
      <c r="O52" s="60" t="str">
        <f>IF(M52="","",
VLOOKUP(M52,Apoio!$H$4:$P$9,4,0))</f>
        <v/>
      </c>
      <c r="P52" s="49"/>
      <c r="Q52" s="60" t="str">
        <f>IF(P52="","",
VLOOKUP(P52,Apoio!$H$13:$P$19,2,0))</f>
        <v/>
      </c>
      <c r="R52" s="60" t="str">
        <f>IF(P52="","",
VLOOKUP(P52,Apoio!$H$13:$P$19,4,0))</f>
        <v/>
      </c>
      <c r="S52" s="61" t="str">
        <f t="shared" si="0"/>
        <v/>
      </c>
      <c r="T52" s="60" t="str">
        <f>IF(OR(M52="",P52=""),"",
IF(S52&lt;=Apoio!$M$23,Apoio!$H$23,
IF(S52&lt;=Apoio!$M$24,Apoio!$H$24,
IF(S52&lt;=Apoio!$M$25,Apoio!$H$25,
IF(S52&lt;=Apoio!$M$26,Apoio!$H$26,
IF(S52&lt;=Apoio!$M$27,Apoio!$H$27,
IF(S52&gt;Apoio!$M$27,Apoio!$H$28,)))))))</f>
        <v/>
      </c>
      <c r="V52" s="59" t="str">
        <f>IFERROR(VLOOKUP('1. Ambiente'!D$6,Apoio!$R$4:$X$9,MATCH(T52,Apoio!$R$4:$X$4,0),0),"-")</f>
        <v>-</v>
      </c>
      <c r="W52" s="16"/>
      <c r="X52" s="73" t="str">
        <f>IF(W52="","",
VLOOKUP(W52,Apoio!$R$22:$S$25,2,0))</f>
        <v/>
      </c>
      <c r="Y52" s="52"/>
      <c r="Z52" s="52"/>
      <c r="AA52" s="16"/>
      <c r="AB52" s="17"/>
      <c r="AC52" s="17"/>
      <c r="AE52" s="165" t="str">
        <f>IFERROR(
IF(J52="","",
VLOOKUP(J52,Apoio!$B$5:$F$9,4,0)),"-")</f>
        <v/>
      </c>
      <c r="AF52" s="62" t="str">
        <f t="shared" si="2"/>
        <v>-</v>
      </c>
      <c r="AG52" s="165" t="str">
        <f>IF(AF52="-","-",
IF(AND(AF52&gt;=Apoio!$K$23,AF52&lt;Apoio!$M$23),Apoio!$H$23,
IF(AND(AF52&gt;=Apoio!$K$24,AF52&lt;Apoio!$M$24),Apoio!$H$24,
IF(AND(AF52&gt;=Apoio!$K$25,AF52&lt;Apoio!$M$25),Apoio!$H$25,
IF(AND(AF52&gt;=Apoio!$K$26,AF52&lt;Apoio!$M$26),Apoio!$H$26,
IF(AND(AF52&gt;=Apoio!$K$27,AF52&lt;Apoio!$M$27),Apoio!$H$27,
IF(AF52&gt;=Apoio!$K$28,Apoio!$H$28)))))))</f>
        <v>-</v>
      </c>
    </row>
    <row r="53" spans="1:33">
      <c r="A53" s="46"/>
      <c r="B53" s="4">
        <v>49</v>
      </c>
      <c r="C53" s="167" t="str">
        <f t="shared" si="1"/>
        <v/>
      </c>
      <c r="D53" s="4"/>
      <c r="E53" s="4"/>
      <c r="F53" s="4"/>
      <c r="G53" s="4"/>
      <c r="H53" s="47"/>
      <c r="I53" s="4"/>
      <c r="J53" s="4"/>
      <c r="K53" s="60" t="str">
        <f>IFERROR(
IF(J53="","",
VLOOKUP(J53,Apoio!$B$5:$F$9,2,0)),"-")</f>
        <v/>
      </c>
      <c r="L53" s="48"/>
      <c r="M53" s="49"/>
      <c r="N53" s="60" t="str">
        <f>IF(M53="","",
VLOOKUP(M53,Apoio!$H$4:$P$9,2,0))</f>
        <v/>
      </c>
      <c r="O53" s="60" t="str">
        <f>IF(M53="","",
VLOOKUP(M53,Apoio!$H$4:$P$9,4,0))</f>
        <v/>
      </c>
      <c r="P53" s="49"/>
      <c r="Q53" s="60" t="str">
        <f>IF(P53="","",
VLOOKUP(P53,Apoio!$H$13:$P$19,2,0))</f>
        <v/>
      </c>
      <c r="R53" s="60" t="str">
        <f>IF(P53="","",
VLOOKUP(P53,Apoio!$H$13:$P$19,4,0))</f>
        <v/>
      </c>
      <c r="S53" s="61" t="str">
        <f t="shared" si="0"/>
        <v/>
      </c>
      <c r="T53" s="60" t="str">
        <f>IF(OR(M53="",P53=""),"",
IF(S53&lt;=Apoio!$M$23,Apoio!$H$23,
IF(S53&lt;=Apoio!$M$24,Apoio!$H$24,
IF(S53&lt;=Apoio!$M$25,Apoio!$H$25,
IF(S53&lt;=Apoio!$M$26,Apoio!$H$26,
IF(S53&lt;=Apoio!$M$27,Apoio!$H$27,
IF(S53&gt;Apoio!$M$27,Apoio!$H$28,)))))))</f>
        <v/>
      </c>
      <c r="V53" s="59" t="str">
        <f>IFERROR(VLOOKUP('1. Ambiente'!D$6,Apoio!$R$4:$X$9,MATCH(T53,Apoio!$R$4:$X$4,0),0),"-")</f>
        <v>-</v>
      </c>
      <c r="W53" s="16"/>
      <c r="X53" s="73" t="str">
        <f>IF(W53="","",
VLOOKUP(W53,Apoio!$R$22:$S$25,2,0))</f>
        <v/>
      </c>
      <c r="Y53" s="52"/>
      <c r="Z53" s="52"/>
      <c r="AA53" s="16"/>
      <c r="AB53" s="17"/>
      <c r="AC53" s="17"/>
      <c r="AE53" s="165" t="str">
        <f>IFERROR(
IF(J53="","",
VLOOKUP(J53,Apoio!$B$5:$F$9,4,0)),"-")</f>
        <v/>
      </c>
      <c r="AF53" s="62" t="str">
        <f t="shared" si="2"/>
        <v>-</v>
      </c>
      <c r="AG53" s="165" t="str">
        <f>IF(AF53="-","-",
IF(AND(AF53&gt;=Apoio!$K$23,AF53&lt;Apoio!$M$23),Apoio!$H$23,
IF(AND(AF53&gt;=Apoio!$K$24,AF53&lt;Apoio!$M$24),Apoio!$H$24,
IF(AND(AF53&gt;=Apoio!$K$25,AF53&lt;Apoio!$M$25),Apoio!$H$25,
IF(AND(AF53&gt;=Apoio!$K$26,AF53&lt;Apoio!$M$26),Apoio!$H$26,
IF(AND(AF53&gt;=Apoio!$K$27,AF53&lt;Apoio!$M$27),Apoio!$H$27,
IF(AF53&gt;=Apoio!$K$28,Apoio!$H$28)))))))</f>
        <v>-</v>
      </c>
    </row>
    <row r="54" spans="1:33">
      <c r="A54" s="46"/>
      <c r="B54" s="4">
        <v>50</v>
      </c>
      <c r="C54" s="167" t="str">
        <f t="shared" si="1"/>
        <v/>
      </c>
      <c r="D54" s="4"/>
      <c r="E54" s="4"/>
      <c r="F54" s="4"/>
      <c r="G54" s="4"/>
      <c r="H54" s="47"/>
      <c r="I54" s="4"/>
      <c r="J54" s="4"/>
      <c r="K54" s="60" t="str">
        <f>IFERROR(
IF(J54="","",
VLOOKUP(J54,Apoio!$B$5:$F$9,2,0)),"-")</f>
        <v/>
      </c>
      <c r="L54" s="48"/>
      <c r="M54" s="49"/>
      <c r="N54" s="60" t="str">
        <f>IF(M54="","",
VLOOKUP(M54,Apoio!$H$4:$P$9,2,0))</f>
        <v/>
      </c>
      <c r="O54" s="60" t="str">
        <f>IF(M54="","",
VLOOKUP(M54,Apoio!$H$4:$P$9,4,0))</f>
        <v/>
      </c>
      <c r="P54" s="49"/>
      <c r="Q54" s="60" t="str">
        <f>IF(P54="","",
VLOOKUP(P54,Apoio!$H$13:$P$19,2,0))</f>
        <v/>
      </c>
      <c r="R54" s="60" t="str">
        <f>IF(P54="","",
VLOOKUP(P54,Apoio!$H$13:$P$19,4,0))</f>
        <v/>
      </c>
      <c r="S54" s="61" t="str">
        <f t="shared" si="0"/>
        <v/>
      </c>
      <c r="T54" s="60" t="str">
        <f>IF(OR(M54="",P54=""),"",
IF(S54&lt;=Apoio!$M$23,Apoio!$H$23,
IF(S54&lt;=Apoio!$M$24,Apoio!$H$24,
IF(S54&lt;=Apoio!$M$25,Apoio!$H$25,
IF(S54&lt;=Apoio!$M$26,Apoio!$H$26,
IF(S54&lt;=Apoio!$M$27,Apoio!$H$27,
IF(S54&gt;Apoio!$M$27,Apoio!$H$28,)))))))</f>
        <v/>
      </c>
      <c r="V54" s="59" t="str">
        <f>IFERROR(VLOOKUP('1. Ambiente'!D$6,Apoio!$R$4:$X$9,MATCH(T54,Apoio!$R$4:$X$4,0),0),"-")</f>
        <v>-</v>
      </c>
      <c r="W54" s="16"/>
      <c r="X54" s="73" t="str">
        <f>IF(W54="","",
VLOOKUP(W54,Apoio!$R$22:$S$25,2,0))</f>
        <v/>
      </c>
      <c r="Y54" s="52"/>
      <c r="Z54" s="52"/>
      <c r="AA54" s="16"/>
      <c r="AB54" s="17"/>
      <c r="AC54" s="17"/>
      <c r="AE54" s="165" t="str">
        <f>IFERROR(
IF(J54="","",
VLOOKUP(J54,Apoio!$B$5:$F$9,4,0)),"-")</f>
        <v/>
      </c>
      <c r="AF54" s="62" t="str">
        <f t="shared" si="2"/>
        <v>-</v>
      </c>
      <c r="AG54" s="165" t="str">
        <f>IF(AF54="-","-",
IF(AND(AF54&gt;=Apoio!$K$23,AF54&lt;Apoio!$M$23),Apoio!$H$23,
IF(AND(AF54&gt;=Apoio!$K$24,AF54&lt;Apoio!$M$24),Apoio!$H$24,
IF(AND(AF54&gt;=Apoio!$K$25,AF54&lt;Apoio!$M$25),Apoio!$H$25,
IF(AND(AF54&gt;=Apoio!$K$26,AF54&lt;Apoio!$M$26),Apoio!$H$26,
IF(AND(AF54&gt;=Apoio!$K$27,AF54&lt;Apoio!$M$27),Apoio!$H$27,
IF(AF54&gt;=Apoio!$K$28,Apoio!$H$28)))))))</f>
        <v>-</v>
      </c>
    </row>
  </sheetData>
  <mergeCells count="12">
    <mergeCell ref="B3:G3"/>
    <mergeCell ref="J4:K4"/>
    <mergeCell ref="I3:K3"/>
    <mergeCell ref="M3:T3"/>
    <mergeCell ref="AE3:AG3"/>
    <mergeCell ref="M4:O4"/>
    <mergeCell ref="P4:R4"/>
    <mergeCell ref="S4:T4"/>
    <mergeCell ref="AF4:AG4"/>
    <mergeCell ref="W4:X4"/>
    <mergeCell ref="AB3:AC3"/>
    <mergeCell ref="V3:Z3"/>
  </mergeCells>
  <conditionalFormatting sqref="J5:J54">
    <cfRule type="cellIs" dxfId="43" priority="22" operator="equal">
      <formula>"FORTE"</formula>
    </cfRule>
  </conditionalFormatting>
  <conditionalFormatting sqref="J5:J54">
    <cfRule type="cellIs" dxfId="42" priority="23" operator="equal">
      <formula>"SATISFATÓRIO"</formula>
    </cfRule>
  </conditionalFormatting>
  <conditionalFormatting sqref="J5:J54">
    <cfRule type="cellIs" dxfId="41" priority="24" operator="equal">
      <formula>"MEDIANO"</formula>
    </cfRule>
  </conditionalFormatting>
  <conditionalFormatting sqref="J5:J54">
    <cfRule type="cellIs" dxfId="40" priority="25" operator="equal">
      <formula>"FRACO"</formula>
    </cfRule>
  </conditionalFormatting>
  <conditionalFormatting sqref="J5:J54">
    <cfRule type="cellIs" dxfId="39" priority="26" operator="equal">
      <formula>"INEXISTENTE"</formula>
    </cfRule>
  </conditionalFormatting>
  <conditionalFormatting sqref="T5:T54 AG5:AG54">
    <cfRule type="cellIs" dxfId="38" priority="16" operator="equal">
      <formula>"CRÍTICO"</formula>
    </cfRule>
  </conditionalFormatting>
  <conditionalFormatting sqref="T5:T54">
    <cfRule type="cellIs" dxfId="37" priority="17" operator="equal">
      <formula>"MUITO ALTO"</formula>
    </cfRule>
  </conditionalFormatting>
  <conditionalFormatting sqref="T5:T54 AG5:AG54">
    <cfRule type="cellIs" dxfId="36" priority="18" operator="equal">
      <formula>"ALTO"</formula>
    </cfRule>
  </conditionalFormatting>
  <conditionalFormatting sqref="T5:T54">
    <cfRule type="cellIs" dxfId="35" priority="19" operator="equal">
      <formula>"MÉDIO"</formula>
    </cfRule>
  </conditionalFormatting>
  <conditionalFormatting sqref="T5:T54 AG5:AG54">
    <cfRule type="cellIs" dxfId="34" priority="20" operator="equal">
      <formula>"BAIXO"</formula>
    </cfRule>
  </conditionalFormatting>
  <conditionalFormatting sqref="T5:T54 AG5:AG54">
    <cfRule type="cellIs" dxfId="33" priority="21" operator="equal">
      <formula>"MUITO BAIXO"</formula>
    </cfRule>
  </conditionalFormatting>
  <conditionalFormatting sqref="AG5:AG54">
    <cfRule type="cellIs" dxfId="32" priority="6" operator="equal">
      <formula>"MUITO ALTO"</formula>
    </cfRule>
  </conditionalFormatting>
  <conditionalFormatting sqref="AG5:AG54">
    <cfRule type="cellIs" dxfId="31" priority="8" operator="equal">
      <formula>"MÉDIO"</formula>
    </cfRule>
  </conditionalFormatting>
  <conditionalFormatting sqref="W5:W54">
    <cfRule type="cellIs" dxfId="30" priority="2" operator="equal">
      <formula>"TRANSFERIR/COMPARTILHAR"</formula>
    </cfRule>
    <cfRule type="cellIs" dxfId="29" priority="3" operator="equal">
      <formula>"REDUZIR"</formula>
    </cfRule>
    <cfRule type="cellIs" dxfId="28" priority="4" operator="equal">
      <formula>"ACEITAR"</formula>
    </cfRule>
  </conditionalFormatting>
  <conditionalFormatting sqref="W4:W54">
    <cfRule type="cellIs" dxfId="27" priority="1" operator="equal">
      <formula>"EVITAR"</formula>
    </cfRule>
  </conditionalFormatting>
  <dataValidations count="3">
    <dataValidation type="list" allowBlank="1" showErrorMessage="1" sqref="M5:M54">
      <formula1>"1,2,5,8,10"</formula1>
    </dataValidation>
    <dataValidation type="list" allowBlank="1" showInputMessage="1" showErrorMessage="1" sqref="P5:P54">
      <formula1>"1,2,5,8,10"</formula1>
    </dataValidation>
    <dataValidation allowBlank="1" showDropDown="1" showErrorMessage="1" sqref="AB5:AC54"/>
  </dataValidations>
  <pageMargins left="0.51181102362204722" right="0.47244094488188981" top="0.39370078740157483" bottom="0.51181102362204722" header="0" footer="0"/>
  <pageSetup paperSize="9" scale="50" fitToHeight="0" orientation="landscape" r:id="rId1"/>
  <extLs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>
          <x14:formula1>
            <xm:f>'1. Ambiente'!$F$18:$F$49</xm:f>
          </x14:formula1>
          <xm:sqref>D6:D54</xm:sqref>
        </x14:dataValidation>
        <x14:dataValidation type="list" allowBlank="1" showInputMessage="1" showErrorMessage="1">
          <x14:formula1>
            <xm:f>Apoio!$B$5:$B$9</xm:f>
          </x14:formula1>
          <xm:sqref>J5:J54</xm:sqref>
        </x14:dataValidation>
        <x14:dataValidation type="list" allowBlank="1" showInputMessage="1" showErrorMessage="1">
          <x14:formula1>
            <xm:f>Apoio!$R$22:$R$25</xm:f>
          </x14:formula1>
          <xm:sqref>W5:W54</xm:sqref>
        </x14:dataValidation>
        <x14:dataValidation type="list" allowBlank="1" showInputMessage="1" showErrorMessage="1">
          <x14:formula1>
            <xm:f>'1. Ambiente'!$D$18:$D$49</xm:f>
          </x14:formula1>
          <xm:sqref>D5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I54"/>
  <sheetViews>
    <sheetView showGridLines="0" zoomScaleNormal="100" workbookViewId="0">
      <selection activeCell="B5" sqref="B5"/>
    </sheetView>
  </sheetViews>
  <sheetFormatPr defaultColWidth="9.140625" defaultRowHeight="12.75"/>
  <cols>
    <col min="1" max="1" width="2.140625" style="9" customWidth="1"/>
    <col min="2" max="2" width="8.28515625" style="71" customWidth="1"/>
    <col min="3" max="3" width="17.85546875" style="9" customWidth="1"/>
    <col min="4" max="4" width="38.85546875" style="9" customWidth="1"/>
    <col min="5" max="5" width="22.5703125" style="9" customWidth="1"/>
    <col min="6" max="6" width="27.7109375" style="9" customWidth="1"/>
    <col min="7" max="7" width="19.5703125" style="9" bestFit="1" customWidth="1"/>
    <col min="8" max="8" width="26.28515625" style="71" bestFit="1" customWidth="1"/>
    <col min="9" max="9" width="15" style="9" customWidth="1"/>
    <col min="10" max="10" width="9.140625" style="9"/>
    <col min="11" max="11" width="21" style="9" customWidth="1"/>
    <col min="12" max="12" width="9.140625" style="9"/>
    <col min="13" max="13" width="18.28515625" style="9" customWidth="1"/>
    <col min="14" max="15" width="10.140625" style="9" bestFit="1" customWidth="1"/>
    <col min="16" max="16384" width="9.140625" style="9"/>
  </cols>
  <sheetData>
    <row r="1" spans="2:9">
      <c r="B1" s="9"/>
      <c r="H1" s="9"/>
    </row>
    <row r="2" spans="2:9" s="55" customFormat="1">
      <c r="B2" s="239" t="s">
        <v>115</v>
      </c>
      <c r="C2" s="240"/>
      <c r="D2" s="240"/>
      <c r="E2" s="241">
        <f>'1. Ambiente'!D13</f>
        <v>0</v>
      </c>
      <c r="F2" s="241"/>
      <c r="G2" s="241"/>
      <c r="H2" s="241"/>
      <c r="I2" s="242"/>
    </row>
    <row r="3" spans="2:9" s="55" customFormat="1">
      <c r="B3" s="243" t="s">
        <v>142</v>
      </c>
      <c r="C3" s="243" t="s">
        <v>0</v>
      </c>
      <c r="D3" s="243" t="s">
        <v>45</v>
      </c>
      <c r="E3" s="243"/>
      <c r="F3" s="243"/>
      <c r="G3" s="237" t="s">
        <v>19</v>
      </c>
      <c r="H3" s="243" t="s">
        <v>109</v>
      </c>
      <c r="I3" s="243" t="s">
        <v>89</v>
      </c>
    </row>
    <row r="4" spans="2:9" s="55" customFormat="1">
      <c r="B4" s="243"/>
      <c r="C4" s="243"/>
      <c r="D4" s="1" t="s">
        <v>66</v>
      </c>
      <c r="E4" s="1" t="s">
        <v>9</v>
      </c>
      <c r="F4" s="1" t="s">
        <v>67</v>
      </c>
      <c r="G4" s="237"/>
      <c r="H4" s="244"/>
      <c r="I4" s="244"/>
    </row>
    <row r="5" spans="2:9">
      <c r="B5" s="75"/>
      <c r="C5" s="72" t="str">
        <f>IF($B5="","",VLOOKUP($B5,'2. Gerenciamento'!$C$5:$U$54,2,FALSE))</f>
        <v/>
      </c>
      <c r="D5" s="72" t="str">
        <f>IF($B5="","",VLOOKUP($B5,'2. Gerenciamento'!$C$5:$U$54,3,FALSE))</f>
        <v/>
      </c>
      <c r="E5" s="72" t="str">
        <f>IF($B5="","",VLOOKUP($B5,'2. Gerenciamento'!$C$5:$U$54,4,FALSE))</f>
        <v/>
      </c>
      <c r="F5" s="72" t="str">
        <f>IF($B5="","",VLOOKUP($B5,'2. Gerenciamento'!$C$5:$U$54,5,FALSE))</f>
        <v/>
      </c>
      <c r="G5" s="59" t="str">
        <f>IF($B5="","",VLOOKUP($B5,'2. Gerenciamento'!$C$5:$U$54,18,FALSE))</f>
        <v/>
      </c>
      <c r="H5" s="166" t="str">
        <f>IF($B5="","",VLOOKUP($B5,'2. Gerenciamento'!$C$5:$AC$54,23,FALSE))</f>
        <v/>
      </c>
      <c r="I5" s="166" t="str">
        <f>IF($B5="","",VLOOKUP($B5,'2. Gerenciamento'!$C$5:$AC$54,24,FALSE))</f>
        <v/>
      </c>
    </row>
    <row r="6" spans="2:9">
      <c r="B6" s="52"/>
      <c r="C6" s="72" t="str">
        <f>IF($B6="","",VLOOKUP($B6,'2. Gerenciamento'!$C$5:$U$54,2,FALSE))</f>
        <v/>
      </c>
      <c r="D6" s="72" t="str">
        <f>IF($B6="","",VLOOKUP($B6,'2. Gerenciamento'!$C$5:$U$54,3,FALSE))</f>
        <v/>
      </c>
      <c r="E6" s="72" t="str">
        <f>IF($B6="","",VLOOKUP($B6,'2. Gerenciamento'!$C$5:$U$54,4,FALSE))</f>
        <v/>
      </c>
      <c r="F6" s="72" t="str">
        <f>IF($B6="","",VLOOKUP($B6,'2. Gerenciamento'!$C$5:$U$54,5,FALSE))</f>
        <v/>
      </c>
      <c r="G6" s="59" t="str">
        <f>IF($B6="","",VLOOKUP($B6,'2. Gerenciamento'!$C$5:$U$54,18,FALSE))</f>
        <v/>
      </c>
      <c r="H6" s="166" t="str">
        <f>IF($B6="","",VLOOKUP($B6,'2. Gerenciamento'!$C$5:$AC$54,23,FALSE))</f>
        <v/>
      </c>
      <c r="I6" s="166" t="str">
        <f>IF($B6="","",VLOOKUP($B6,'2. Gerenciamento'!$C$5:$AC$54,24,FALSE))</f>
        <v/>
      </c>
    </row>
    <row r="7" spans="2:9">
      <c r="B7" s="52"/>
      <c r="C7" s="72" t="str">
        <f>IF($B7="","",VLOOKUP($B7,'2. Gerenciamento'!$C$5:$U$54,2,FALSE))</f>
        <v/>
      </c>
      <c r="D7" s="72" t="str">
        <f>IF($B7="","",VLOOKUP($B7,'2. Gerenciamento'!$C$5:$U$54,3,FALSE))</f>
        <v/>
      </c>
      <c r="E7" s="72" t="str">
        <f>IF($B7="","",VLOOKUP($B7,'2. Gerenciamento'!$C$5:$U$54,4,FALSE))</f>
        <v/>
      </c>
      <c r="F7" s="72" t="str">
        <f>IF($B7="","",VLOOKUP($B7,'2. Gerenciamento'!$C$5:$U$54,5,FALSE))</f>
        <v/>
      </c>
      <c r="G7" s="59" t="str">
        <f>IF($B7="","",VLOOKUP($B7,'2. Gerenciamento'!$C$5:$U$54,18,FALSE))</f>
        <v/>
      </c>
      <c r="H7" s="166" t="str">
        <f>IF($B7="","",VLOOKUP($B7,'2. Gerenciamento'!$C$5:$AC$54,23,FALSE))</f>
        <v/>
      </c>
      <c r="I7" s="166" t="str">
        <f>IF($B7="","",VLOOKUP($B7,'2. Gerenciamento'!$C$5:$AC$54,24,FALSE))</f>
        <v/>
      </c>
    </row>
    <row r="8" spans="2:9">
      <c r="B8" s="52"/>
      <c r="C8" s="72" t="str">
        <f>IF($B8="","",VLOOKUP($B8,'2. Gerenciamento'!$C$5:$U$54,2,FALSE))</f>
        <v/>
      </c>
      <c r="D8" s="72" t="str">
        <f>IF($B8="","",VLOOKUP($B8,'2. Gerenciamento'!$C$5:$U$54,3,FALSE))</f>
        <v/>
      </c>
      <c r="E8" s="72" t="str">
        <f>IF($B8="","",VLOOKUP($B8,'2. Gerenciamento'!$C$5:$U$54,4,FALSE))</f>
        <v/>
      </c>
      <c r="F8" s="72" t="str">
        <f>IF($B8="","",VLOOKUP($B8,'2. Gerenciamento'!$C$5:$U$54,5,FALSE))</f>
        <v/>
      </c>
      <c r="G8" s="59" t="str">
        <f>IF($B8="","",VLOOKUP($B8,'2. Gerenciamento'!$C$5:$U$54,18,FALSE))</f>
        <v/>
      </c>
      <c r="H8" s="166" t="str">
        <f>IF($B8="","",VLOOKUP($B8,'2. Gerenciamento'!$C$5:$AC$54,23,FALSE))</f>
        <v/>
      </c>
      <c r="I8" s="166" t="str">
        <f>IF($B8="","",VLOOKUP($B8,'2. Gerenciamento'!$C$5:$AC$54,24,FALSE))</f>
        <v/>
      </c>
    </row>
    <row r="9" spans="2:9">
      <c r="B9" s="52"/>
      <c r="C9" s="72" t="str">
        <f>IF($B9="","",VLOOKUP($B9,'2. Gerenciamento'!$C$5:$U$54,2,FALSE))</f>
        <v/>
      </c>
      <c r="D9" s="72" t="str">
        <f>IF($B9="","",VLOOKUP($B9,'2. Gerenciamento'!$C$5:$U$54,3,FALSE))</f>
        <v/>
      </c>
      <c r="E9" s="72" t="str">
        <f>IF($B9="","",VLOOKUP($B9,'2. Gerenciamento'!$C$5:$U$54,4,FALSE))</f>
        <v/>
      </c>
      <c r="F9" s="72" t="str">
        <f>IF($B9="","",VLOOKUP($B9,'2. Gerenciamento'!$C$5:$U$54,5,FALSE))</f>
        <v/>
      </c>
      <c r="G9" s="59" t="str">
        <f>IF($B9="","",VLOOKUP($B9,'2. Gerenciamento'!$C$5:$U$54,18,FALSE))</f>
        <v/>
      </c>
      <c r="H9" s="166" t="str">
        <f>IF($B9="","",VLOOKUP($B9,'2. Gerenciamento'!$C$5:$AC$54,23,FALSE))</f>
        <v/>
      </c>
      <c r="I9" s="166" t="str">
        <f>IF($B9="","",VLOOKUP($B9,'2. Gerenciamento'!$C$5:$AC$54,24,FALSE))</f>
        <v/>
      </c>
    </row>
    <row r="10" spans="2:9">
      <c r="B10" s="52"/>
      <c r="C10" s="72" t="str">
        <f>IF($B10="","",VLOOKUP($B10,'2. Gerenciamento'!$C$5:$U$54,2,FALSE))</f>
        <v/>
      </c>
      <c r="D10" s="72" t="str">
        <f>IF($B10="","",VLOOKUP($B10,'2. Gerenciamento'!$C$5:$U$54,3,FALSE))</f>
        <v/>
      </c>
      <c r="E10" s="72" t="str">
        <f>IF($B10="","",VLOOKUP($B10,'2. Gerenciamento'!$C$5:$U$54,4,FALSE))</f>
        <v/>
      </c>
      <c r="F10" s="72" t="str">
        <f>IF($B10="","",VLOOKUP($B10,'2. Gerenciamento'!$C$5:$U$54,5,FALSE))</f>
        <v/>
      </c>
      <c r="G10" s="59" t="str">
        <f>IF($B10="","",VLOOKUP($B10,'2. Gerenciamento'!$C$5:$U$54,18,FALSE))</f>
        <v/>
      </c>
      <c r="H10" s="166" t="str">
        <f>IF($B10="","",VLOOKUP($B10,'2. Gerenciamento'!$C$5:$AC$54,23,FALSE))</f>
        <v/>
      </c>
      <c r="I10" s="166" t="str">
        <f>IF($B10="","",VLOOKUP($B10,'2. Gerenciamento'!$C$5:$AC$54,24,FALSE))</f>
        <v/>
      </c>
    </row>
    <row r="11" spans="2:9">
      <c r="B11" s="52"/>
      <c r="C11" s="72" t="str">
        <f>IF($B11="","",VLOOKUP($B11,'2. Gerenciamento'!$C$5:$U$54,2,FALSE))</f>
        <v/>
      </c>
      <c r="D11" s="72" t="str">
        <f>IF($B11="","",VLOOKUP($B11,'2. Gerenciamento'!$C$5:$U$54,3,FALSE))</f>
        <v/>
      </c>
      <c r="E11" s="72" t="str">
        <f>IF($B11="","",VLOOKUP($B11,'2. Gerenciamento'!$C$5:$U$54,4,FALSE))</f>
        <v/>
      </c>
      <c r="F11" s="72" t="str">
        <f>IF($B11="","",VLOOKUP($B11,'2. Gerenciamento'!$C$5:$U$54,5,FALSE))</f>
        <v/>
      </c>
      <c r="G11" s="59" t="str">
        <f>IF($B11="","",VLOOKUP($B11,'2. Gerenciamento'!$C$5:$U$54,18,FALSE))</f>
        <v/>
      </c>
      <c r="H11" s="166" t="str">
        <f>IF($B11="","",VLOOKUP($B11,'2. Gerenciamento'!$C$5:$AC$54,23,FALSE))</f>
        <v/>
      </c>
      <c r="I11" s="166" t="str">
        <f>IF($B11="","",VLOOKUP($B11,'2. Gerenciamento'!$C$5:$AC$54,24,FALSE))</f>
        <v/>
      </c>
    </row>
    <row r="12" spans="2:9">
      <c r="B12" s="52"/>
      <c r="C12" s="72" t="str">
        <f>IF($B12="","",VLOOKUP($B12,'2. Gerenciamento'!$C$5:$U$54,2,FALSE))</f>
        <v/>
      </c>
      <c r="D12" s="72" t="str">
        <f>IF($B12="","",VLOOKUP($B12,'2. Gerenciamento'!$C$5:$U$54,3,FALSE))</f>
        <v/>
      </c>
      <c r="E12" s="72" t="str">
        <f>IF($B12="","",VLOOKUP($B12,'2. Gerenciamento'!$C$5:$U$54,4,FALSE))</f>
        <v/>
      </c>
      <c r="F12" s="72" t="str">
        <f>IF($B12="","",VLOOKUP($B12,'2. Gerenciamento'!$C$5:$U$54,5,FALSE))</f>
        <v/>
      </c>
      <c r="G12" s="59" t="str">
        <f>IF($B12="","",VLOOKUP($B12,'2. Gerenciamento'!$C$5:$U$54,18,FALSE))</f>
        <v/>
      </c>
      <c r="H12" s="166" t="str">
        <f>IF($B12="","",VLOOKUP($B12,'2. Gerenciamento'!$C$5:$AC$54,23,FALSE))</f>
        <v/>
      </c>
      <c r="I12" s="166" t="str">
        <f>IF($B12="","",VLOOKUP($B12,'2. Gerenciamento'!$C$5:$AC$54,24,FALSE))</f>
        <v/>
      </c>
    </row>
    <row r="13" spans="2:9">
      <c r="B13" s="52"/>
      <c r="C13" s="72" t="str">
        <f>IF($B13="","",VLOOKUP($B13,'2. Gerenciamento'!$C$5:$U$54,2,FALSE))</f>
        <v/>
      </c>
      <c r="D13" s="72" t="str">
        <f>IF($B13="","",VLOOKUP($B13,'2. Gerenciamento'!$C$5:$U$54,3,FALSE))</f>
        <v/>
      </c>
      <c r="E13" s="72" t="str">
        <f>IF($B13="","",VLOOKUP($B13,'2. Gerenciamento'!$C$5:$U$54,4,FALSE))</f>
        <v/>
      </c>
      <c r="F13" s="72" t="str">
        <f>IF($B13="","",VLOOKUP($B13,'2. Gerenciamento'!$C$5:$U$54,5,FALSE))</f>
        <v/>
      </c>
      <c r="G13" s="59" t="str">
        <f>IF($B13="","",VLOOKUP($B13,'2. Gerenciamento'!$C$5:$U$54,18,FALSE))</f>
        <v/>
      </c>
      <c r="H13" s="166" t="str">
        <f>IF($B13="","",VLOOKUP($B13,'2. Gerenciamento'!$C$5:$AC$54,23,FALSE))</f>
        <v/>
      </c>
      <c r="I13" s="166" t="str">
        <f>IF($B13="","",VLOOKUP($B13,'2. Gerenciamento'!$C$5:$AC$54,24,FALSE))</f>
        <v/>
      </c>
    </row>
    <row r="14" spans="2:9">
      <c r="B14" s="52"/>
      <c r="C14" s="72" t="str">
        <f>IF($B14="","",VLOOKUP($B14,'2. Gerenciamento'!$C$5:$U$54,2,FALSE))</f>
        <v/>
      </c>
      <c r="D14" s="72" t="str">
        <f>IF($B14="","",VLOOKUP($B14,'2. Gerenciamento'!$C$5:$U$54,3,FALSE))</f>
        <v/>
      </c>
      <c r="E14" s="72" t="str">
        <f>IF($B14="","",VLOOKUP($B14,'2. Gerenciamento'!$C$5:$U$54,4,FALSE))</f>
        <v/>
      </c>
      <c r="F14" s="72" t="str">
        <f>IF($B14="","",VLOOKUP($B14,'2. Gerenciamento'!$C$5:$U$54,5,FALSE))</f>
        <v/>
      </c>
      <c r="G14" s="59" t="str">
        <f>IF($B14="","",VLOOKUP($B14,'2. Gerenciamento'!$C$5:$U$54,18,FALSE))</f>
        <v/>
      </c>
      <c r="H14" s="166" t="str">
        <f>IF($B14="","",VLOOKUP($B14,'2. Gerenciamento'!$C$5:$AC$54,23,FALSE))</f>
        <v/>
      </c>
      <c r="I14" s="166" t="str">
        <f>IF($B14="","",VLOOKUP($B14,'2. Gerenciamento'!$C$5:$AC$54,24,FALSE))</f>
        <v/>
      </c>
    </row>
    <row r="15" spans="2:9">
      <c r="B15" s="52"/>
      <c r="C15" s="72" t="str">
        <f>IF($B15="","",VLOOKUP($B15,'2. Gerenciamento'!$C$5:$U$54,2,FALSE))</f>
        <v/>
      </c>
      <c r="D15" s="72" t="str">
        <f>IF($B15="","",VLOOKUP($B15,'2. Gerenciamento'!$C$5:$U$54,3,FALSE))</f>
        <v/>
      </c>
      <c r="E15" s="72" t="str">
        <f>IF($B15="","",VLOOKUP($B15,'2. Gerenciamento'!$C$5:$U$54,4,FALSE))</f>
        <v/>
      </c>
      <c r="F15" s="72" t="str">
        <f>IF($B15="","",VLOOKUP($B15,'2. Gerenciamento'!$C$5:$U$54,5,FALSE))</f>
        <v/>
      </c>
      <c r="G15" s="59" t="str">
        <f>IF($B15="","",VLOOKUP($B15,'2. Gerenciamento'!$C$5:$U$54,18,FALSE))</f>
        <v/>
      </c>
      <c r="H15" s="166" t="str">
        <f>IF($B15="","",VLOOKUP($B15,'2. Gerenciamento'!$C$5:$AC$54,23,FALSE))</f>
        <v/>
      </c>
      <c r="I15" s="166" t="str">
        <f>IF($B15="","",VLOOKUP($B15,'2. Gerenciamento'!$C$5:$AC$54,24,FALSE))</f>
        <v/>
      </c>
    </row>
    <row r="16" spans="2:9">
      <c r="B16" s="52"/>
      <c r="C16" s="72" t="str">
        <f>IF($B16="","",VLOOKUP($B16,'2. Gerenciamento'!$C$5:$U$54,2,FALSE))</f>
        <v/>
      </c>
      <c r="D16" s="72" t="str">
        <f>IF($B16="","",VLOOKUP($B16,'2. Gerenciamento'!$C$5:$U$54,3,FALSE))</f>
        <v/>
      </c>
      <c r="E16" s="72" t="str">
        <f>IF($B16="","",VLOOKUP($B16,'2. Gerenciamento'!$C$5:$U$54,4,FALSE))</f>
        <v/>
      </c>
      <c r="F16" s="72" t="str">
        <f>IF($B16="","",VLOOKUP($B16,'2. Gerenciamento'!$C$5:$U$54,5,FALSE))</f>
        <v/>
      </c>
      <c r="G16" s="59" t="str">
        <f>IF($B16="","",VLOOKUP($B16,'2. Gerenciamento'!$C$5:$U$54,18,FALSE))</f>
        <v/>
      </c>
      <c r="H16" s="166" t="str">
        <f>IF($B16="","",VLOOKUP($B16,'2. Gerenciamento'!$C$5:$AC$54,23,FALSE))</f>
        <v/>
      </c>
      <c r="I16" s="166" t="str">
        <f>IF($B16="","",VLOOKUP($B16,'2. Gerenciamento'!$C$5:$AC$54,24,FALSE))</f>
        <v/>
      </c>
    </row>
    <row r="17" spans="2:9">
      <c r="B17" s="52"/>
      <c r="C17" s="72" t="str">
        <f>IF($B17="","",VLOOKUP($B17,'2. Gerenciamento'!$C$5:$U$54,2,FALSE))</f>
        <v/>
      </c>
      <c r="D17" s="72" t="str">
        <f>IF($B17="","",VLOOKUP($B17,'2. Gerenciamento'!$C$5:$U$54,3,FALSE))</f>
        <v/>
      </c>
      <c r="E17" s="72" t="str">
        <f>IF($B17="","",VLOOKUP($B17,'2. Gerenciamento'!$C$5:$U$54,4,FALSE))</f>
        <v/>
      </c>
      <c r="F17" s="72" t="str">
        <f>IF($B17="","",VLOOKUP($B17,'2. Gerenciamento'!$C$5:$U$54,5,FALSE))</f>
        <v/>
      </c>
      <c r="G17" s="59" t="str">
        <f>IF($B17="","",VLOOKUP($B17,'2. Gerenciamento'!$C$5:$U$54,18,FALSE))</f>
        <v/>
      </c>
      <c r="H17" s="166" t="str">
        <f>IF($B17="","",VLOOKUP($B17,'2. Gerenciamento'!$C$5:$AC$54,23,FALSE))</f>
        <v/>
      </c>
      <c r="I17" s="166" t="str">
        <f>IF($B17="","",VLOOKUP($B17,'2. Gerenciamento'!$C$5:$AC$54,24,FALSE))</f>
        <v/>
      </c>
    </row>
    <row r="18" spans="2:9">
      <c r="B18" s="52"/>
      <c r="C18" s="72" t="str">
        <f>IF($B18="","",VLOOKUP($B18,'2. Gerenciamento'!$C$5:$U$54,2,FALSE))</f>
        <v/>
      </c>
      <c r="D18" s="72" t="str">
        <f>IF($B18="","",VLOOKUP($B18,'2. Gerenciamento'!$C$5:$U$54,3,FALSE))</f>
        <v/>
      </c>
      <c r="E18" s="72" t="str">
        <f>IF($B18="","",VLOOKUP($B18,'2. Gerenciamento'!$C$5:$U$54,4,FALSE))</f>
        <v/>
      </c>
      <c r="F18" s="72" t="str">
        <f>IF($B18="","",VLOOKUP($B18,'2. Gerenciamento'!$C$5:$U$54,5,FALSE))</f>
        <v/>
      </c>
      <c r="G18" s="59" t="str">
        <f>IF($B18="","",VLOOKUP($B18,'2. Gerenciamento'!$C$5:$U$54,18,FALSE))</f>
        <v/>
      </c>
      <c r="H18" s="166" t="str">
        <f>IF($B18="","",VLOOKUP($B18,'2. Gerenciamento'!$C$5:$AC$54,23,FALSE))</f>
        <v/>
      </c>
      <c r="I18" s="166" t="str">
        <f>IF($B18="","",VLOOKUP($B18,'2. Gerenciamento'!$C$5:$AC$54,24,FALSE))</f>
        <v/>
      </c>
    </row>
    <row r="19" spans="2:9">
      <c r="B19" s="52"/>
      <c r="C19" s="72" t="str">
        <f>IF($B19="","",VLOOKUP($B19,'2. Gerenciamento'!$C$5:$U$54,2,FALSE))</f>
        <v/>
      </c>
      <c r="D19" s="72" t="str">
        <f>IF($B19="","",VLOOKUP($B19,'2. Gerenciamento'!$C$5:$U$54,3,FALSE))</f>
        <v/>
      </c>
      <c r="E19" s="72" t="str">
        <f>IF($B19="","",VLOOKUP($B19,'2. Gerenciamento'!$C$5:$U$54,4,FALSE))</f>
        <v/>
      </c>
      <c r="F19" s="72" t="str">
        <f>IF($B19="","",VLOOKUP($B19,'2. Gerenciamento'!$C$5:$U$54,5,FALSE))</f>
        <v/>
      </c>
      <c r="G19" s="59" t="str">
        <f>IF($B19="","",VLOOKUP($B19,'2. Gerenciamento'!$C$5:$U$54,18,FALSE))</f>
        <v/>
      </c>
      <c r="H19" s="166" t="str">
        <f>IF($B19="","",VLOOKUP($B19,'2. Gerenciamento'!$C$5:$AC$54,23,FALSE))</f>
        <v/>
      </c>
      <c r="I19" s="166" t="str">
        <f>IF($B19="","",VLOOKUP($B19,'2. Gerenciamento'!$C$5:$AC$54,24,FALSE))</f>
        <v/>
      </c>
    </row>
    <row r="20" spans="2:9">
      <c r="B20" s="52"/>
      <c r="C20" s="72" t="str">
        <f>IF($B20="","",VLOOKUP($B20,'2. Gerenciamento'!$C$5:$U$54,2,FALSE))</f>
        <v/>
      </c>
      <c r="D20" s="72" t="str">
        <f>IF($B20="","",VLOOKUP($B20,'2. Gerenciamento'!$C$5:$U$54,3,FALSE))</f>
        <v/>
      </c>
      <c r="E20" s="72" t="str">
        <f>IF($B20="","",VLOOKUP($B20,'2. Gerenciamento'!$C$5:$U$54,4,FALSE))</f>
        <v/>
      </c>
      <c r="F20" s="72" t="str">
        <f>IF($B20="","",VLOOKUP($B20,'2. Gerenciamento'!$C$5:$U$54,5,FALSE))</f>
        <v/>
      </c>
      <c r="G20" s="59" t="str">
        <f>IF($B20="","",VLOOKUP($B20,'2. Gerenciamento'!$C$5:$U$54,18,FALSE))</f>
        <v/>
      </c>
      <c r="H20" s="166" t="str">
        <f>IF($B20="","",VLOOKUP($B20,'2. Gerenciamento'!$C$5:$AC$54,23,FALSE))</f>
        <v/>
      </c>
      <c r="I20" s="166" t="str">
        <f>IF($B20="","",VLOOKUP($B20,'2. Gerenciamento'!$C$5:$AC$54,24,FALSE))</f>
        <v/>
      </c>
    </row>
    <row r="21" spans="2:9">
      <c r="B21" s="52"/>
      <c r="C21" s="72" t="str">
        <f>IF($B21="","",VLOOKUP($B21,'2. Gerenciamento'!$C$5:$U$54,2,FALSE))</f>
        <v/>
      </c>
      <c r="D21" s="72" t="str">
        <f>IF($B21="","",VLOOKUP($B21,'2. Gerenciamento'!$C$5:$U$54,3,FALSE))</f>
        <v/>
      </c>
      <c r="E21" s="72" t="str">
        <f>IF($B21="","",VLOOKUP($B21,'2. Gerenciamento'!$C$5:$U$54,4,FALSE))</f>
        <v/>
      </c>
      <c r="F21" s="72" t="str">
        <f>IF($B21="","",VLOOKUP($B21,'2. Gerenciamento'!$C$5:$U$54,5,FALSE))</f>
        <v/>
      </c>
      <c r="G21" s="59" t="str">
        <f>IF($B21="","",VLOOKUP($B21,'2. Gerenciamento'!$C$5:$U$54,18,FALSE))</f>
        <v/>
      </c>
      <c r="H21" s="166" t="str">
        <f>IF($B21="","",VLOOKUP($B21,'2. Gerenciamento'!$C$5:$AC$54,23,FALSE))</f>
        <v/>
      </c>
      <c r="I21" s="166" t="str">
        <f>IF($B21="","",VLOOKUP($B21,'2. Gerenciamento'!$C$5:$AC$54,24,FALSE))</f>
        <v/>
      </c>
    </row>
    <row r="22" spans="2:9">
      <c r="B22" s="52"/>
      <c r="C22" s="72" t="str">
        <f>IF($B22="","",VLOOKUP($B22,'2. Gerenciamento'!$C$5:$U$54,2,FALSE))</f>
        <v/>
      </c>
      <c r="D22" s="72" t="str">
        <f>IF($B22="","",VLOOKUP($B22,'2. Gerenciamento'!$C$5:$U$54,3,FALSE))</f>
        <v/>
      </c>
      <c r="E22" s="72" t="str">
        <f>IF($B22="","",VLOOKUP($B22,'2. Gerenciamento'!$C$5:$U$54,4,FALSE))</f>
        <v/>
      </c>
      <c r="F22" s="72" t="str">
        <f>IF($B22="","",VLOOKUP($B22,'2. Gerenciamento'!$C$5:$U$54,5,FALSE))</f>
        <v/>
      </c>
      <c r="G22" s="59" t="str">
        <f>IF($B22="","",VLOOKUP($B22,'2. Gerenciamento'!$C$5:$U$54,18,FALSE))</f>
        <v/>
      </c>
      <c r="H22" s="166" t="str">
        <f>IF($B22="","",VLOOKUP($B22,'2. Gerenciamento'!$C$5:$AC$54,23,FALSE))</f>
        <v/>
      </c>
      <c r="I22" s="166" t="str">
        <f>IF($B22="","",VLOOKUP($B22,'2. Gerenciamento'!$C$5:$AC$54,24,FALSE))</f>
        <v/>
      </c>
    </row>
    <row r="23" spans="2:9">
      <c r="B23" s="52"/>
      <c r="C23" s="72" t="str">
        <f>IF($B23="","",VLOOKUP($B23,'2. Gerenciamento'!$C$5:$U$54,2,FALSE))</f>
        <v/>
      </c>
      <c r="D23" s="72" t="str">
        <f>IF($B23="","",VLOOKUP($B23,'2. Gerenciamento'!$C$5:$U$54,3,FALSE))</f>
        <v/>
      </c>
      <c r="E23" s="72" t="str">
        <f>IF($B23="","",VLOOKUP($B23,'2. Gerenciamento'!$C$5:$U$54,4,FALSE))</f>
        <v/>
      </c>
      <c r="F23" s="72" t="str">
        <f>IF($B23="","",VLOOKUP($B23,'2. Gerenciamento'!$C$5:$U$54,5,FALSE))</f>
        <v/>
      </c>
      <c r="G23" s="59" t="str">
        <f>IF($B23="","",VLOOKUP($B23,'2. Gerenciamento'!$C$5:$U$54,18,FALSE))</f>
        <v/>
      </c>
      <c r="H23" s="166" t="str">
        <f>IF($B23="","",VLOOKUP($B23,'2. Gerenciamento'!$C$5:$AC$54,23,FALSE))</f>
        <v/>
      </c>
      <c r="I23" s="166" t="str">
        <f>IF($B23="","",VLOOKUP($B23,'2. Gerenciamento'!$C$5:$AC$54,24,FALSE))</f>
        <v/>
      </c>
    </row>
    <row r="24" spans="2:9">
      <c r="B24" s="52"/>
      <c r="C24" s="72" t="str">
        <f>IF($B24="","",VLOOKUP($B24,'2. Gerenciamento'!$C$5:$U$54,2,FALSE))</f>
        <v/>
      </c>
      <c r="D24" s="72" t="str">
        <f>IF($B24="","",VLOOKUP($B24,'2. Gerenciamento'!$C$5:$U$54,3,FALSE))</f>
        <v/>
      </c>
      <c r="E24" s="72" t="str">
        <f>IF($B24="","",VLOOKUP($B24,'2. Gerenciamento'!$C$5:$U$54,4,FALSE))</f>
        <v/>
      </c>
      <c r="F24" s="72" t="str">
        <f>IF($B24="","",VLOOKUP($B24,'2. Gerenciamento'!$C$5:$U$54,5,FALSE))</f>
        <v/>
      </c>
      <c r="G24" s="59" t="str">
        <f>IF($B24="","",VLOOKUP($B24,'2. Gerenciamento'!$C$5:$U$54,18,FALSE))</f>
        <v/>
      </c>
      <c r="H24" s="166" t="str">
        <f>IF($B24="","",VLOOKUP($B24,'2. Gerenciamento'!$C$5:$AC$54,23,FALSE))</f>
        <v/>
      </c>
      <c r="I24" s="166" t="str">
        <f>IF($B24="","",VLOOKUP($B24,'2. Gerenciamento'!$C$5:$AC$54,24,FALSE))</f>
        <v/>
      </c>
    </row>
    <row r="25" spans="2:9">
      <c r="B25" s="52"/>
      <c r="C25" s="72" t="str">
        <f>IF($B25="","",VLOOKUP($B25,'2. Gerenciamento'!$C$5:$U$54,2,FALSE))</f>
        <v/>
      </c>
      <c r="D25" s="72" t="str">
        <f>IF($B25="","",VLOOKUP($B25,'2. Gerenciamento'!$C$5:$U$54,3,FALSE))</f>
        <v/>
      </c>
      <c r="E25" s="72" t="str">
        <f>IF($B25="","",VLOOKUP($B25,'2. Gerenciamento'!$C$5:$U$54,4,FALSE))</f>
        <v/>
      </c>
      <c r="F25" s="72" t="str">
        <f>IF($B25="","",VLOOKUP($B25,'2. Gerenciamento'!$C$5:$U$54,5,FALSE))</f>
        <v/>
      </c>
      <c r="G25" s="59" t="str">
        <f>IF($B25="","",VLOOKUP($B25,'2. Gerenciamento'!$C$5:$U$54,18,FALSE))</f>
        <v/>
      </c>
      <c r="H25" s="166" t="str">
        <f>IF($B25="","",VLOOKUP($B25,'2. Gerenciamento'!$C$5:$AC$54,23,FALSE))</f>
        <v/>
      </c>
      <c r="I25" s="166" t="str">
        <f>IF($B25="","",VLOOKUP($B25,'2. Gerenciamento'!$C$5:$AC$54,24,FALSE))</f>
        <v/>
      </c>
    </row>
    <row r="26" spans="2:9">
      <c r="B26" s="52"/>
      <c r="C26" s="72" t="str">
        <f>IF($B26="","",VLOOKUP($B26,'2. Gerenciamento'!$C$5:$U$54,2,FALSE))</f>
        <v/>
      </c>
      <c r="D26" s="72" t="str">
        <f>IF($B26="","",VLOOKUP($B26,'2. Gerenciamento'!$C$5:$U$54,3,FALSE))</f>
        <v/>
      </c>
      <c r="E26" s="72" t="str">
        <f>IF($B26="","",VLOOKUP($B26,'2. Gerenciamento'!$C$5:$U$54,4,FALSE))</f>
        <v/>
      </c>
      <c r="F26" s="72" t="str">
        <f>IF($B26="","",VLOOKUP($B26,'2. Gerenciamento'!$C$5:$U$54,5,FALSE))</f>
        <v/>
      </c>
      <c r="G26" s="59" t="str">
        <f>IF($B26="","",VLOOKUP($B26,'2. Gerenciamento'!$C$5:$U$54,18,FALSE))</f>
        <v/>
      </c>
      <c r="H26" s="166" t="str">
        <f>IF($B26="","",VLOOKUP($B26,'2. Gerenciamento'!$C$5:$AC$54,23,FALSE))</f>
        <v/>
      </c>
      <c r="I26" s="166" t="str">
        <f>IF($B26="","",VLOOKUP($B26,'2. Gerenciamento'!$C$5:$AC$54,24,FALSE))</f>
        <v/>
      </c>
    </row>
    <row r="27" spans="2:9">
      <c r="B27" s="52"/>
      <c r="C27" s="72" t="str">
        <f>IF($B27="","",VLOOKUP($B27,'2. Gerenciamento'!$C$5:$U$54,2,FALSE))</f>
        <v/>
      </c>
      <c r="D27" s="72" t="str">
        <f>IF($B27="","",VLOOKUP($B27,'2. Gerenciamento'!$C$5:$U$54,3,FALSE))</f>
        <v/>
      </c>
      <c r="E27" s="72" t="str">
        <f>IF($B27="","",VLOOKUP($B27,'2. Gerenciamento'!$C$5:$U$54,4,FALSE))</f>
        <v/>
      </c>
      <c r="F27" s="72" t="str">
        <f>IF($B27="","",VLOOKUP($B27,'2. Gerenciamento'!$C$5:$U$54,5,FALSE))</f>
        <v/>
      </c>
      <c r="G27" s="59" t="str">
        <f>IF($B27="","",VLOOKUP($B27,'2. Gerenciamento'!$C$5:$U$54,18,FALSE))</f>
        <v/>
      </c>
      <c r="H27" s="166" t="str">
        <f>IF($B27="","",VLOOKUP($B27,'2. Gerenciamento'!$C$5:$AC$54,23,FALSE))</f>
        <v/>
      </c>
      <c r="I27" s="166" t="str">
        <f>IF($B27="","",VLOOKUP($B27,'2. Gerenciamento'!$C$5:$AC$54,24,FALSE))</f>
        <v/>
      </c>
    </row>
    <row r="28" spans="2:9">
      <c r="B28" s="52"/>
      <c r="C28" s="72" t="str">
        <f>IF($B28="","",VLOOKUP($B28,'2. Gerenciamento'!$C$5:$U$54,2,FALSE))</f>
        <v/>
      </c>
      <c r="D28" s="72" t="str">
        <f>IF($B28="","",VLOOKUP($B28,'2. Gerenciamento'!$C$5:$U$54,3,FALSE))</f>
        <v/>
      </c>
      <c r="E28" s="72" t="str">
        <f>IF($B28="","",VLOOKUP($B28,'2. Gerenciamento'!$C$5:$U$54,4,FALSE))</f>
        <v/>
      </c>
      <c r="F28" s="72" t="str">
        <f>IF($B28="","",VLOOKUP($B28,'2. Gerenciamento'!$C$5:$U$54,5,FALSE))</f>
        <v/>
      </c>
      <c r="G28" s="59" t="str">
        <f>IF($B28="","",VLOOKUP($B28,'2. Gerenciamento'!$C$5:$U$54,18,FALSE))</f>
        <v/>
      </c>
      <c r="H28" s="166" t="str">
        <f>IF($B28="","",VLOOKUP($B28,'2. Gerenciamento'!$C$5:$AC$54,23,FALSE))</f>
        <v/>
      </c>
      <c r="I28" s="166" t="str">
        <f>IF($B28="","",VLOOKUP($B28,'2. Gerenciamento'!$C$5:$AC$54,24,FALSE))</f>
        <v/>
      </c>
    </row>
    <row r="29" spans="2:9">
      <c r="B29" s="52"/>
      <c r="C29" s="72" t="str">
        <f>IF($B29="","",VLOOKUP($B29,'2. Gerenciamento'!$C$5:$U$54,2,FALSE))</f>
        <v/>
      </c>
      <c r="D29" s="72" t="str">
        <f>IF($B29="","",VLOOKUP($B29,'2. Gerenciamento'!$C$5:$U$54,3,FALSE))</f>
        <v/>
      </c>
      <c r="E29" s="72" t="str">
        <f>IF($B29="","",VLOOKUP($B29,'2. Gerenciamento'!$C$5:$U$54,4,FALSE))</f>
        <v/>
      </c>
      <c r="F29" s="72" t="str">
        <f>IF($B29="","",VLOOKUP($B29,'2. Gerenciamento'!$C$5:$U$54,5,FALSE))</f>
        <v/>
      </c>
      <c r="G29" s="59" t="str">
        <f>IF($B29="","",VLOOKUP($B29,'2. Gerenciamento'!$C$5:$U$54,18,FALSE))</f>
        <v/>
      </c>
      <c r="H29" s="166" t="str">
        <f>IF($B29="","",VLOOKUP($B29,'2. Gerenciamento'!$C$5:$AC$54,23,FALSE))</f>
        <v/>
      </c>
      <c r="I29" s="166" t="str">
        <f>IF($B29="","",VLOOKUP($B29,'2. Gerenciamento'!$C$5:$AC$54,24,FALSE))</f>
        <v/>
      </c>
    </row>
    <row r="30" spans="2:9">
      <c r="B30" s="52"/>
      <c r="C30" s="72" t="str">
        <f>IF($B30="","",VLOOKUP($B30,'2. Gerenciamento'!$C$5:$U$54,2,FALSE))</f>
        <v/>
      </c>
      <c r="D30" s="72" t="str">
        <f>IF($B30="","",VLOOKUP($B30,'2. Gerenciamento'!$C$5:$U$54,3,FALSE))</f>
        <v/>
      </c>
      <c r="E30" s="72" t="str">
        <f>IF($B30="","",VLOOKUP($B30,'2. Gerenciamento'!$C$5:$U$54,4,FALSE))</f>
        <v/>
      </c>
      <c r="F30" s="72" t="str">
        <f>IF($B30="","",VLOOKUP($B30,'2. Gerenciamento'!$C$5:$U$54,5,FALSE))</f>
        <v/>
      </c>
      <c r="G30" s="59" t="str">
        <f>IF($B30="","",VLOOKUP($B30,'2. Gerenciamento'!$C$5:$U$54,18,FALSE))</f>
        <v/>
      </c>
      <c r="H30" s="166" t="str">
        <f>IF($B30="","",VLOOKUP($B30,'2. Gerenciamento'!$C$5:$AC$54,23,FALSE))</f>
        <v/>
      </c>
      <c r="I30" s="166" t="str">
        <f>IF($B30="","",VLOOKUP($B30,'2. Gerenciamento'!$C$5:$AC$54,24,FALSE))</f>
        <v/>
      </c>
    </row>
    <row r="31" spans="2:9">
      <c r="B31" s="52"/>
      <c r="C31" s="72" t="str">
        <f>IF($B31="","",VLOOKUP($B31,'2. Gerenciamento'!$C$5:$U$54,2,FALSE))</f>
        <v/>
      </c>
      <c r="D31" s="72" t="str">
        <f>IF($B31="","",VLOOKUP($B31,'2. Gerenciamento'!$C$5:$U$54,3,FALSE))</f>
        <v/>
      </c>
      <c r="E31" s="72" t="str">
        <f>IF($B31="","",VLOOKUP($B31,'2. Gerenciamento'!$C$5:$U$54,4,FALSE))</f>
        <v/>
      </c>
      <c r="F31" s="72" t="str">
        <f>IF($B31="","",VLOOKUP($B31,'2. Gerenciamento'!$C$5:$U$54,5,FALSE))</f>
        <v/>
      </c>
      <c r="G31" s="59" t="str">
        <f>IF($B31="","",VLOOKUP($B31,'2. Gerenciamento'!$C$5:$U$54,18,FALSE))</f>
        <v/>
      </c>
      <c r="H31" s="166" t="str">
        <f>IF($B31="","",VLOOKUP($B31,'2. Gerenciamento'!$C$5:$AC$54,23,FALSE))</f>
        <v/>
      </c>
      <c r="I31" s="166" t="str">
        <f>IF($B31="","",VLOOKUP($B31,'2. Gerenciamento'!$C$5:$AC$54,24,FALSE))</f>
        <v/>
      </c>
    </row>
    <row r="32" spans="2:9">
      <c r="B32" s="52"/>
      <c r="C32" s="72" t="str">
        <f>IF($B32="","",VLOOKUP($B32,'2. Gerenciamento'!$C$5:$U$54,2,FALSE))</f>
        <v/>
      </c>
      <c r="D32" s="72" t="str">
        <f>IF($B32="","",VLOOKUP($B32,'2. Gerenciamento'!$C$5:$U$54,3,FALSE))</f>
        <v/>
      </c>
      <c r="E32" s="72" t="str">
        <f>IF($B32="","",VLOOKUP($B32,'2. Gerenciamento'!$C$5:$U$54,4,FALSE))</f>
        <v/>
      </c>
      <c r="F32" s="72" t="str">
        <f>IF($B32="","",VLOOKUP($B32,'2. Gerenciamento'!$C$5:$U$54,5,FALSE))</f>
        <v/>
      </c>
      <c r="G32" s="59" t="str">
        <f>IF($B32="","",VLOOKUP($B32,'2. Gerenciamento'!$C$5:$U$54,18,FALSE))</f>
        <v/>
      </c>
      <c r="H32" s="166" t="str">
        <f>IF($B32="","",VLOOKUP($B32,'2. Gerenciamento'!$C$5:$AC$54,23,FALSE))</f>
        <v/>
      </c>
      <c r="I32" s="166" t="str">
        <f>IF($B32="","",VLOOKUP($B32,'2. Gerenciamento'!$C$5:$AC$54,24,FALSE))</f>
        <v/>
      </c>
    </row>
    <row r="33" spans="2:9">
      <c r="B33" s="52"/>
      <c r="C33" s="72" t="str">
        <f>IF($B33="","",VLOOKUP($B33,'2. Gerenciamento'!$C$5:$U$54,2,FALSE))</f>
        <v/>
      </c>
      <c r="D33" s="72" t="str">
        <f>IF($B33="","",VLOOKUP($B33,'2. Gerenciamento'!$C$5:$U$54,3,FALSE))</f>
        <v/>
      </c>
      <c r="E33" s="72" t="str">
        <f>IF($B33="","",VLOOKUP($B33,'2. Gerenciamento'!$C$5:$U$54,4,FALSE))</f>
        <v/>
      </c>
      <c r="F33" s="72" t="str">
        <f>IF($B33="","",VLOOKUP($B33,'2. Gerenciamento'!$C$5:$U$54,5,FALSE))</f>
        <v/>
      </c>
      <c r="G33" s="59" t="str">
        <f>IF($B33="","",VLOOKUP($B33,'2. Gerenciamento'!$C$5:$U$54,18,FALSE))</f>
        <v/>
      </c>
      <c r="H33" s="166" t="str">
        <f>IF($B33="","",VLOOKUP($B33,'2. Gerenciamento'!$C$5:$AC$54,23,FALSE))</f>
        <v/>
      </c>
      <c r="I33" s="166" t="str">
        <f>IF($B33="","",VLOOKUP($B33,'2. Gerenciamento'!$C$5:$AC$54,24,FALSE))</f>
        <v/>
      </c>
    </row>
    <row r="34" spans="2:9">
      <c r="B34" s="52"/>
      <c r="C34" s="72" t="str">
        <f>IF($B34="","",VLOOKUP($B34,'2. Gerenciamento'!$C$5:$U$54,2,FALSE))</f>
        <v/>
      </c>
      <c r="D34" s="72" t="str">
        <f>IF($B34="","",VLOOKUP($B34,'2. Gerenciamento'!$C$5:$U$54,3,FALSE))</f>
        <v/>
      </c>
      <c r="E34" s="72" t="str">
        <f>IF($B34="","",VLOOKUP($B34,'2. Gerenciamento'!$C$5:$U$54,4,FALSE))</f>
        <v/>
      </c>
      <c r="F34" s="72" t="str">
        <f>IF($B34="","",VLOOKUP($B34,'2. Gerenciamento'!$C$5:$U$54,5,FALSE))</f>
        <v/>
      </c>
      <c r="G34" s="59" t="str">
        <f>IF($B34="","",VLOOKUP($B34,'2. Gerenciamento'!$C$5:$U$54,18,FALSE))</f>
        <v/>
      </c>
      <c r="H34" s="166" t="str">
        <f>IF($B34="","",VLOOKUP($B34,'2. Gerenciamento'!$C$5:$AC$54,23,FALSE))</f>
        <v/>
      </c>
      <c r="I34" s="166" t="str">
        <f>IF($B34="","",VLOOKUP($B34,'2. Gerenciamento'!$C$5:$AC$54,24,FALSE))</f>
        <v/>
      </c>
    </row>
    <row r="35" spans="2:9">
      <c r="B35" s="52"/>
      <c r="C35" s="72" t="str">
        <f>IF($B35="","",VLOOKUP($B35,'2. Gerenciamento'!$C$5:$U$54,2,FALSE))</f>
        <v/>
      </c>
      <c r="D35" s="72" t="str">
        <f>IF($B35="","",VLOOKUP($B35,'2. Gerenciamento'!$C$5:$U$54,3,FALSE))</f>
        <v/>
      </c>
      <c r="E35" s="72" t="str">
        <f>IF($B35="","",VLOOKUP($B35,'2. Gerenciamento'!$C$5:$U$54,4,FALSE))</f>
        <v/>
      </c>
      <c r="F35" s="72" t="str">
        <f>IF($B35="","",VLOOKUP($B35,'2. Gerenciamento'!$C$5:$U$54,5,FALSE))</f>
        <v/>
      </c>
      <c r="G35" s="59" t="str">
        <f>IF($B35="","",VLOOKUP($B35,'2. Gerenciamento'!$C$5:$U$54,18,FALSE))</f>
        <v/>
      </c>
      <c r="H35" s="166" t="str">
        <f>IF($B35="","",VLOOKUP($B35,'2. Gerenciamento'!$C$5:$AC$54,23,FALSE))</f>
        <v/>
      </c>
      <c r="I35" s="166" t="str">
        <f>IF($B35="","",VLOOKUP($B35,'2. Gerenciamento'!$C$5:$AC$54,24,FALSE))</f>
        <v/>
      </c>
    </row>
    <row r="36" spans="2:9">
      <c r="B36" s="52"/>
      <c r="C36" s="72" t="str">
        <f>IF($B36="","",VLOOKUP($B36,'2. Gerenciamento'!$C$5:$U$54,2,FALSE))</f>
        <v/>
      </c>
      <c r="D36" s="72" t="str">
        <f>IF($B36="","",VLOOKUP($B36,'2. Gerenciamento'!$C$5:$U$54,3,FALSE))</f>
        <v/>
      </c>
      <c r="E36" s="72" t="str">
        <f>IF($B36="","",VLOOKUP($B36,'2. Gerenciamento'!$C$5:$U$54,4,FALSE))</f>
        <v/>
      </c>
      <c r="F36" s="72" t="str">
        <f>IF($B36="","",VLOOKUP($B36,'2. Gerenciamento'!$C$5:$U$54,5,FALSE))</f>
        <v/>
      </c>
      <c r="G36" s="59" t="str">
        <f>IF($B36="","",VLOOKUP($B36,'2. Gerenciamento'!$C$5:$U$54,18,FALSE))</f>
        <v/>
      </c>
      <c r="H36" s="166" t="str">
        <f>IF($B36="","",VLOOKUP($B36,'2. Gerenciamento'!$C$5:$AC$54,23,FALSE))</f>
        <v/>
      </c>
      <c r="I36" s="166" t="str">
        <f>IF($B36="","",VLOOKUP($B36,'2. Gerenciamento'!$C$5:$AC$54,24,FALSE))</f>
        <v/>
      </c>
    </row>
    <row r="37" spans="2:9">
      <c r="B37" s="52"/>
      <c r="C37" s="72" t="str">
        <f>IF($B37="","",VLOOKUP($B37,'2. Gerenciamento'!$C$5:$U$54,2,FALSE))</f>
        <v/>
      </c>
      <c r="D37" s="72" t="str">
        <f>IF($B37="","",VLOOKUP($B37,'2. Gerenciamento'!$C$5:$U$54,3,FALSE))</f>
        <v/>
      </c>
      <c r="E37" s="72" t="str">
        <f>IF($B37="","",VLOOKUP($B37,'2. Gerenciamento'!$C$5:$U$54,4,FALSE))</f>
        <v/>
      </c>
      <c r="F37" s="72" t="str">
        <f>IF($B37="","",VLOOKUP($B37,'2. Gerenciamento'!$C$5:$U$54,5,FALSE))</f>
        <v/>
      </c>
      <c r="G37" s="59" t="str">
        <f>IF($B37="","",VLOOKUP($B37,'2. Gerenciamento'!$C$5:$U$54,18,FALSE))</f>
        <v/>
      </c>
      <c r="H37" s="166" t="str">
        <f>IF($B37="","",VLOOKUP($B37,'2. Gerenciamento'!$C$5:$AC$54,23,FALSE))</f>
        <v/>
      </c>
      <c r="I37" s="166" t="str">
        <f>IF($B37="","",VLOOKUP($B37,'2. Gerenciamento'!$C$5:$AC$54,24,FALSE))</f>
        <v/>
      </c>
    </row>
    <row r="38" spans="2:9">
      <c r="B38" s="52"/>
      <c r="C38" s="72" t="str">
        <f>IF($B38="","",VLOOKUP($B38,'2. Gerenciamento'!$C$5:$U$54,2,FALSE))</f>
        <v/>
      </c>
      <c r="D38" s="72" t="str">
        <f>IF($B38="","",VLOOKUP($B38,'2. Gerenciamento'!$C$5:$U$54,3,FALSE))</f>
        <v/>
      </c>
      <c r="E38" s="72" t="str">
        <f>IF($B38="","",VLOOKUP($B38,'2. Gerenciamento'!$C$5:$U$54,4,FALSE))</f>
        <v/>
      </c>
      <c r="F38" s="72" t="str">
        <f>IF($B38="","",VLOOKUP($B38,'2. Gerenciamento'!$C$5:$U$54,5,FALSE))</f>
        <v/>
      </c>
      <c r="G38" s="59" t="str">
        <f>IF($B38="","",VLOOKUP($B38,'2. Gerenciamento'!$C$5:$U$54,18,FALSE))</f>
        <v/>
      </c>
      <c r="H38" s="166" t="str">
        <f>IF($B38="","",VLOOKUP($B38,'2. Gerenciamento'!$C$5:$AC$54,23,FALSE))</f>
        <v/>
      </c>
      <c r="I38" s="166" t="str">
        <f>IF($B38="","",VLOOKUP($B38,'2. Gerenciamento'!$C$5:$AC$54,24,FALSE))</f>
        <v/>
      </c>
    </row>
    <row r="39" spans="2:9">
      <c r="B39" s="52"/>
      <c r="C39" s="72" t="str">
        <f>IF($B39="","",VLOOKUP($B39,'2. Gerenciamento'!$C$5:$U$54,2,FALSE))</f>
        <v/>
      </c>
      <c r="D39" s="72" t="str">
        <f>IF($B39="","",VLOOKUP($B39,'2. Gerenciamento'!$C$5:$U$54,3,FALSE))</f>
        <v/>
      </c>
      <c r="E39" s="72" t="str">
        <f>IF($B39="","",VLOOKUP($B39,'2. Gerenciamento'!$C$5:$U$54,4,FALSE))</f>
        <v/>
      </c>
      <c r="F39" s="72" t="str">
        <f>IF($B39="","",VLOOKUP($B39,'2. Gerenciamento'!$C$5:$U$54,5,FALSE))</f>
        <v/>
      </c>
      <c r="G39" s="59" t="str">
        <f>IF($B39="","",VLOOKUP($B39,'2. Gerenciamento'!$C$5:$U$54,18,FALSE))</f>
        <v/>
      </c>
      <c r="H39" s="166" t="str">
        <f>IF($B39="","",VLOOKUP($B39,'2. Gerenciamento'!$C$5:$AC$54,23,FALSE))</f>
        <v/>
      </c>
      <c r="I39" s="166" t="str">
        <f>IF($B39="","",VLOOKUP($B39,'2. Gerenciamento'!$C$5:$AC$54,24,FALSE))</f>
        <v/>
      </c>
    </row>
    <row r="40" spans="2:9">
      <c r="B40" s="52"/>
      <c r="C40" s="72" t="str">
        <f>IF($B40="","",VLOOKUP($B40,'2. Gerenciamento'!$C$5:$U$54,2,FALSE))</f>
        <v/>
      </c>
      <c r="D40" s="72" t="str">
        <f>IF($B40="","",VLOOKUP($B40,'2. Gerenciamento'!$C$5:$U$54,3,FALSE))</f>
        <v/>
      </c>
      <c r="E40" s="72" t="str">
        <f>IF($B40="","",VLOOKUP($B40,'2. Gerenciamento'!$C$5:$U$54,4,FALSE))</f>
        <v/>
      </c>
      <c r="F40" s="72" t="str">
        <f>IF($B40="","",VLOOKUP($B40,'2. Gerenciamento'!$C$5:$U$54,5,FALSE))</f>
        <v/>
      </c>
      <c r="G40" s="59" t="str">
        <f>IF($B40="","",VLOOKUP($B40,'2. Gerenciamento'!$C$5:$U$54,18,FALSE))</f>
        <v/>
      </c>
      <c r="H40" s="166" t="str">
        <f>IF($B40="","",VLOOKUP($B40,'2. Gerenciamento'!$C$5:$AC$54,23,FALSE))</f>
        <v/>
      </c>
      <c r="I40" s="166" t="str">
        <f>IF($B40="","",VLOOKUP($B40,'2. Gerenciamento'!$C$5:$AC$54,24,FALSE))</f>
        <v/>
      </c>
    </row>
    <row r="41" spans="2:9">
      <c r="B41" s="52"/>
      <c r="C41" s="72" t="str">
        <f>IF($B41="","",VLOOKUP($B41,'2. Gerenciamento'!$C$5:$U$54,2,FALSE))</f>
        <v/>
      </c>
      <c r="D41" s="72" t="str">
        <f>IF($B41="","",VLOOKUP($B41,'2. Gerenciamento'!$C$5:$U$54,3,FALSE))</f>
        <v/>
      </c>
      <c r="E41" s="72" t="str">
        <f>IF($B41="","",VLOOKUP($B41,'2. Gerenciamento'!$C$5:$U$54,4,FALSE))</f>
        <v/>
      </c>
      <c r="F41" s="72" t="str">
        <f>IF($B41="","",VLOOKUP($B41,'2. Gerenciamento'!$C$5:$U$54,5,FALSE))</f>
        <v/>
      </c>
      <c r="G41" s="59" t="str">
        <f>IF($B41="","",VLOOKUP($B41,'2. Gerenciamento'!$C$5:$U$54,18,FALSE))</f>
        <v/>
      </c>
      <c r="H41" s="166" t="str">
        <f>IF($B41="","",VLOOKUP($B41,'2. Gerenciamento'!$C$5:$AC$54,23,FALSE))</f>
        <v/>
      </c>
      <c r="I41" s="166" t="str">
        <f>IF($B41="","",VLOOKUP($B41,'2. Gerenciamento'!$C$5:$AC$54,24,FALSE))</f>
        <v/>
      </c>
    </row>
    <row r="42" spans="2:9">
      <c r="B42" s="52"/>
      <c r="C42" s="72" t="str">
        <f>IF($B42="","",VLOOKUP($B42,'2. Gerenciamento'!$C$5:$U$54,2,FALSE))</f>
        <v/>
      </c>
      <c r="D42" s="72" t="str">
        <f>IF($B42="","",VLOOKUP($B42,'2. Gerenciamento'!$C$5:$U$54,3,FALSE))</f>
        <v/>
      </c>
      <c r="E42" s="72" t="str">
        <f>IF($B42="","",VLOOKUP($B42,'2. Gerenciamento'!$C$5:$U$54,4,FALSE))</f>
        <v/>
      </c>
      <c r="F42" s="72" t="str">
        <f>IF($B42="","",VLOOKUP($B42,'2. Gerenciamento'!$C$5:$U$54,5,FALSE))</f>
        <v/>
      </c>
      <c r="G42" s="59" t="str">
        <f>IF($B42="","",VLOOKUP($B42,'2. Gerenciamento'!$C$5:$U$54,18,FALSE))</f>
        <v/>
      </c>
      <c r="H42" s="166" t="str">
        <f>IF($B42="","",VLOOKUP($B42,'2. Gerenciamento'!$C$5:$AC$54,23,FALSE))</f>
        <v/>
      </c>
      <c r="I42" s="166" t="str">
        <f>IF($B42="","",VLOOKUP($B42,'2. Gerenciamento'!$C$5:$AC$54,24,FALSE))</f>
        <v/>
      </c>
    </row>
    <row r="43" spans="2:9">
      <c r="B43" s="52"/>
      <c r="C43" s="72" t="str">
        <f>IF($B43="","",VLOOKUP($B43,'2. Gerenciamento'!$C$5:$U$54,2,FALSE))</f>
        <v/>
      </c>
      <c r="D43" s="72" t="str">
        <f>IF($B43="","",VLOOKUP($B43,'2. Gerenciamento'!$C$5:$U$54,3,FALSE))</f>
        <v/>
      </c>
      <c r="E43" s="72" t="str">
        <f>IF($B43="","",VLOOKUP($B43,'2. Gerenciamento'!$C$5:$U$54,4,FALSE))</f>
        <v/>
      </c>
      <c r="F43" s="72" t="str">
        <f>IF($B43="","",VLOOKUP($B43,'2. Gerenciamento'!$C$5:$U$54,5,FALSE))</f>
        <v/>
      </c>
      <c r="G43" s="59" t="str">
        <f>IF($B43="","",VLOOKUP($B43,'2. Gerenciamento'!$C$5:$U$54,18,FALSE))</f>
        <v/>
      </c>
      <c r="H43" s="166" t="str">
        <f>IF($B43="","",VLOOKUP($B43,'2. Gerenciamento'!$C$5:$AC$54,23,FALSE))</f>
        <v/>
      </c>
      <c r="I43" s="166" t="str">
        <f>IF($B43="","",VLOOKUP($B43,'2. Gerenciamento'!$C$5:$AC$54,24,FALSE))</f>
        <v/>
      </c>
    </row>
    <row r="44" spans="2:9">
      <c r="B44" s="52"/>
      <c r="C44" s="72" t="str">
        <f>IF($B44="","",VLOOKUP($B44,'2. Gerenciamento'!$C$5:$U$54,2,FALSE))</f>
        <v/>
      </c>
      <c r="D44" s="72" t="str">
        <f>IF($B44="","",VLOOKUP($B44,'2. Gerenciamento'!$C$5:$U$54,3,FALSE))</f>
        <v/>
      </c>
      <c r="E44" s="72" t="str">
        <f>IF($B44="","",VLOOKUP($B44,'2. Gerenciamento'!$C$5:$U$54,4,FALSE))</f>
        <v/>
      </c>
      <c r="F44" s="72" t="str">
        <f>IF($B44="","",VLOOKUP($B44,'2. Gerenciamento'!$C$5:$U$54,5,FALSE))</f>
        <v/>
      </c>
      <c r="G44" s="59" t="str">
        <f>IF($B44="","",VLOOKUP($B44,'2. Gerenciamento'!$C$5:$U$54,18,FALSE))</f>
        <v/>
      </c>
      <c r="H44" s="166" t="str">
        <f>IF($B44="","",VLOOKUP($B44,'2. Gerenciamento'!$C$5:$AC$54,23,FALSE))</f>
        <v/>
      </c>
      <c r="I44" s="166" t="str">
        <f>IF($B44="","",VLOOKUP($B44,'2. Gerenciamento'!$C$5:$AC$54,24,FALSE))</f>
        <v/>
      </c>
    </row>
    <row r="45" spans="2:9">
      <c r="B45" s="52"/>
      <c r="C45" s="72" t="str">
        <f>IF($B45="","",VLOOKUP($B45,'2. Gerenciamento'!$C$5:$U$54,2,FALSE))</f>
        <v/>
      </c>
      <c r="D45" s="72" t="str">
        <f>IF($B45="","",VLOOKUP($B45,'2. Gerenciamento'!$C$5:$U$54,3,FALSE))</f>
        <v/>
      </c>
      <c r="E45" s="72" t="str">
        <f>IF($B45="","",VLOOKUP($B45,'2. Gerenciamento'!$C$5:$U$54,4,FALSE))</f>
        <v/>
      </c>
      <c r="F45" s="72" t="str">
        <f>IF($B45="","",VLOOKUP($B45,'2. Gerenciamento'!$C$5:$U$54,5,FALSE))</f>
        <v/>
      </c>
      <c r="G45" s="59" t="str">
        <f>IF($B45="","",VLOOKUP($B45,'2. Gerenciamento'!$C$5:$U$54,18,FALSE))</f>
        <v/>
      </c>
      <c r="H45" s="166" t="str">
        <f>IF($B45="","",VLOOKUP($B45,'2. Gerenciamento'!$C$5:$AC$54,23,FALSE))</f>
        <v/>
      </c>
      <c r="I45" s="166" t="str">
        <f>IF($B45="","",VLOOKUP($B45,'2. Gerenciamento'!$C$5:$AC$54,24,FALSE))</f>
        <v/>
      </c>
    </row>
    <row r="46" spans="2:9">
      <c r="B46" s="52"/>
      <c r="C46" s="72" t="str">
        <f>IF($B46="","",VLOOKUP($B46,'2. Gerenciamento'!$C$5:$U$54,2,FALSE))</f>
        <v/>
      </c>
      <c r="D46" s="72" t="str">
        <f>IF($B46="","",VLOOKUP($B46,'2. Gerenciamento'!$C$5:$U$54,3,FALSE))</f>
        <v/>
      </c>
      <c r="E46" s="72" t="str">
        <f>IF($B46="","",VLOOKUP($B46,'2. Gerenciamento'!$C$5:$U$54,4,FALSE))</f>
        <v/>
      </c>
      <c r="F46" s="72" t="str">
        <f>IF($B46="","",VLOOKUP($B46,'2. Gerenciamento'!$C$5:$U$54,5,FALSE))</f>
        <v/>
      </c>
      <c r="G46" s="59" t="str">
        <f>IF($B46="","",VLOOKUP($B46,'2. Gerenciamento'!$C$5:$U$54,18,FALSE))</f>
        <v/>
      </c>
      <c r="H46" s="166" t="str">
        <f>IF($B46="","",VLOOKUP($B46,'2. Gerenciamento'!$C$5:$AC$54,23,FALSE))</f>
        <v/>
      </c>
      <c r="I46" s="166" t="str">
        <f>IF($B46="","",VLOOKUP($B46,'2. Gerenciamento'!$C$5:$AC$54,24,FALSE))</f>
        <v/>
      </c>
    </row>
    <row r="47" spans="2:9">
      <c r="B47" s="52"/>
      <c r="C47" s="72" t="str">
        <f>IF($B47="","",VLOOKUP($B47,'2. Gerenciamento'!$C$5:$U$54,2,FALSE))</f>
        <v/>
      </c>
      <c r="D47" s="72" t="str">
        <f>IF($B47="","",VLOOKUP($B47,'2. Gerenciamento'!$C$5:$U$54,3,FALSE))</f>
        <v/>
      </c>
      <c r="E47" s="72" t="str">
        <f>IF($B47="","",VLOOKUP($B47,'2. Gerenciamento'!$C$5:$U$54,4,FALSE))</f>
        <v/>
      </c>
      <c r="F47" s="72" t="str">
        <f>IF($B47="","",VLOOKUP($B47,'2. Gerenciamento'!$C$5:$U$54,5,FALSE))</f>
        <v/>
      </c>
      <c r="G47" s="59" t="str">
        <f>IF($B47="","",VLOOKUP($B47,'2. Gerenciamento'!$C$5:$U$54,18,FALSE))</f>
        <v/>
      </c>
      <c r="H47" s="166" t="str">
        <f>IF($B47="","",VLOOKUP($B47,'2. Gerenciamento'!$C$5:$AC$54,23,FALSE))</f>
        <v/>
      </c>
      <c r="I47" s="166" t="str">
        <f>IF($B47="","",VLOOKUP($B47,'2. Gerenciamento'!$C$5:$AC$54,24,FALSE))</f>
        <v/>
      </c>
    </row>
    <row r="48" spans="2:9">
      <c r="B48" s="52"/>
      <c r="C48" s="72" t="str">
        <f>IF($B48="","",VLOOKUP($B48,'2. Gerenciamento'!$C$5:$U$54,2,FALSE))</f>
        <v/>
      </c>
      <c r="D48" s="72" t="str">
        <f>IF($B48="","",VLOOKUP($B48,'2. Gerenciamento'!$C$5:$U$54,3,FALSE))</f>
        <v/>
      </c>
      <c r="E48" s="72" t="str">
        <f>IF($B48="","",VLOOKUP($B48,'2. Gerenciamento'!$C$5:$U$54,4,FALSE))</f>
        <v/>
      </c>
      <c r="F48" s="72" t="str">
        <f>IF($B48="","",VLOOKUP($B48,'2. Gerenciamento'!$C$5:$U$54,5,FALSE))</f>
        <v/>
      </c>
      <c r="G48" s="59" t="str">
        <f>IF($B48="","",VLOOKUP($B48,'2. Gerenciamento'!$C$5:$U$54,18,FALSE))</f>
        <v/>
      </c>
      <c r="H48" s="166" t="str">
        <f>IF($B48="","",VLOOKUP($B48,'2. Gerenciamento'!$C$5:$AC$54,23,FALSE))</f>
        <v/>
      </c>
      <c r="I48" s="166" t="str">
        <f>IF($B48="","",VLOOKUP($B48,'2. Gerenciamento'!$C$5:$AC$54,24,FALSE))</f>
        <v/>
      </c>
    </row>
    <row r="49" spans="2:9">
      <c r="B49" s="52"/>
      <c r="C49" s="72" t="str">
        <f>IF($B49="","",VLOOKUP($B49,'2. Gerenciamento'!$C$5:$U$54,2,FALSE))</f>
        <v/>
      </c>
      <c r="D49" s="72" t="str">
        <f>IF($B49="","",VLOOKUP($B49,'2. Gerenciamento'!$C$5:$U$54,3,FALSE))</f>
        <v/>
      </c>
      <c r="E49" s="72" t="str">
        <f>IF($B49="","",VLOOKUP($B49,'2. Gerenciamento'!$C$5:$U$54,4,FALSE))</f>
        <v/>
      </c>
      <c r="F49" s="72" t="str">
        <f>IF($B49="","",VLOOKUP($B49,'2. Gerenciamento'!$C$5:$U$54,5,FALSE))</f>
        <v/>
      </c>
      <c r="G49" s="59" t="str">
        <f>IF($B49="","",VLOOKUP($B49,'2. Gerenciamento'!$C$5:$U$54,18,FALSE))</f>
        <v/>
      </c>
      <c r="H49" s="166" t="str">
        <f>IF($B49="","",VLOOKUP($B49,'2. Gerenciamento'!$C$5:$AC$54,23,FALSE))</f>
        <v/>
      </c>
      <c r="I49" s="166" t="str">
        <f>IF($B49="","",VLOOKUP($B49,'2. Gerenciamento'!$C$5:$AC$54,24,FALSE))</f>
        <v/>
      </c>
    </row>
    <row r="50" spans="2:9">
      <c r="B50" s="52"/>
      <c r="C50" s="72" t="str">
        <f>IF($B50="","",VLOOKUP($B50,'2. Gerenciamento'!$C$5:$U$54,2,FALSE))</f>
        <v/>
      </c>
      <c r="D50" s="72" t="str">
        <f>IF($B50="","",VLOOKUP($B50,'2. Gerenciamento'!$C$5:$U$54,3,FALSE))</f>
        <v/>
      </c>
      <c r="E50" s="72" t="str">
        <f>IF($B50="","",VLOOKUP($B50,'2. Gerenciamento'!$C$5:$U$54,4,FALSE))</f>
        <v/>
      </c>
      <c r="F50" s="72" t="str">
        <f>IF($B50="","",VLOOKUP($B50,'2. Gerenciamento'!$C$5:$U$54,5,FALSE))</f>
        <v/>
      </c>
      <c r="G50" s="59" t="str">
        <f>IF($B50="","",VLOOKUP($B50,'2. Gerenciamento'!$C$5:$U$54,18,FALSE))</f>
        <v/>
      </c>
      <c r="H50" s="166" t="str">
        <f>IF($B50="","",VLOOKUP($B50,'2. Gerenciamento'!$C$5:$AC$54,23,FALSE))</f>
        <v/>
      </c>
      <c r="I50" s="166" t="str">
        <f>IF($B50="","",VLOOKUP($B50,'2. Gerenciamento'!$C$5:$AC$54,24,FALSE))</f>
        <v/>
      </c>
    </row>
    <row r="51" spans="2:9">
      <c r="B51" s="52"/>
      <c r="C51" s="72" t="str">
        <f>IF($B51="","",VLOOKUP($B51,'2. Gerenciamento'!$C$5:$U$54,2,FALSE))</f>
        <v/>
      </c>
      <c r="D51" s="72" t="str">
        <f>IF($B51="","",VLOOKUP($B51,'2. Gerenciamento'!$C$5:$U$54,3,FALSE))</f>
        <v/>
      </c>
      <c r="E51" s="72" t="str">
        <f>IF($B51="","",VLOOKUP($B51,'2. Gerenciamento'!$C$5:$U$54,4,FALSE))</f>
        <v/>
      </c>
      <c r="F51" s="72" t="str">
        <f>IF($B51="","",VLOOKUP($B51,'2. Gerenciamento'!$C$5:$U$54,5,FALSE))</f>
        <v/>
      </c>
      <c r="G51" s="59" t="str">
        <f>IF($B51="","",VLOOKUP($B51,'2. Gerenciamento'!$C$5:$U$54,18,FALSE))</f>
        <v/>
      </c>
      <c r="H51" s="166" t="str">
        <f>IF($B51="","",VLOOKUP($B51,'2. Gerenciamento'!$C$5:$AC$54,23,FALSE))</f>
        <v/>
      </c>
      <c r="I51" s="166" t="str">
        <f>IF($B51="","",VLOOKUP($B51,'2. Gerenciamento'!$C$5:$AC$54,24,FALSE))</f>
        <v/>
      </c>
    </row>
    <row r="52" spans="2:9">
      <c r="B52" s="52"/>
      <c r="C52" s="72" t="str">
        <f>IF($B52="","",VLOOKUP($B52,'2. Gerenciamento'!$C$5:$U$54,2,FALSE))</f>
        <v/>
      </c>
      <c r="D52" s="72" t="str">
        <f>IF($B52="","",VLOOKUP($B52,'2. Gerenciamento'!$C$5:$U$54,3,FALSE))</f>
        <v/>
      </c>
      <c r="E52" s="72" t="str">
        <f>IF($B52="","",VLOOKUP($B52,'2. Gerenciamento'!$C$5:$U$54,4,FALSE))</f>
        <v/>
      </c>
      <c r="F52" s="72" t="str">
        <f>IF($B52="","",VLOOKUP($B52,'2. Gerenciamento'!$C$5:$U$54,5,FALSE))</f>
        <v/>
      </c>
      <c r="G52" s="59" t="str">
        <f>IF($B52="","",VLOOKUP($B52,'2. Gerenciamento'!$C$5:$U$54,18,FALSE))</f>
        <v/>
      </c>
      <c r="H52" s="166" t="str">
        <f>IF($B52="","",VLOOKUP($B52,'2. Gerenciamento'!$C$5:$AC$54,23,FALSE))</f>
        <v/>
      </c>
      <c r="I52" s="166" t="str">
        <f>IF($B52="","",VLOOKUP($B52,'2. Gerenciamento'!$C$5:$AC$54,24,FALSE))</f>
        <v/>
      </c>
    </row>
    <row r="53" spans="2:9">
      <c r="B53" s="52"/>
      <c r="C53" s="72" t="str">
        <f>IF($B53="","",VLOOKUP($B53,'2. Gerenciamento'!$C$5:$U$54,2,FALSE))</f>
        <v/>
      </c>
      <c r="D53" s="72" t="str">
        <f>IF($B53="","",VLOOKUP($B53,'2. Gerenciamento'!$C$5:$U$54,3,FALSE))</f>
        <v/>
      </c>
      <c r="E53" s="72" t="str">
        <f>IF($B53="","",VLOOKUP($B53,'2. Gerenciamento'!$C$5:$U$54,4,FALSE))</f>
        <v/>
      </c>
      <c r="F53" s="72" t="str">
        <f>IF($B53="","",VLOOKUP($B53,'2. Gerenciamento'!$C$5:$U$54,5,FALSE))</f>
        <v/>
      </c>
      <c r="G53" s="59" t="str">
        <f>IF($B53="","",VLOOKUP($B53,'2. Gerenciamento'!$C$5:$U$54,18,FALSE))</f>
        <v/>
      </c>
      <c r="H53" s="166" t="str">
        <f>IF($B53="","",VLOOKUP($B53,'2. Gerenciamento'!$C$5:$AC$54,23,FALSE))</f>
        <v/>
      </c>
      <c r="I53" s="166" t="str">
        <f>IF($B53="","",VLOOKUP($B53,'2. Gerenciamento'!$C$5:$AC$54,24,FALSE))</f>
        <v/>
      </c>
    </row>
    <row r="54" spans="2:9">
      <c r="B54" s="52"/>
      <c r="C54" s="72" t="str">
        <f>IF($B54="","",VLOOKUP($B54,'2. Gerenciamento'!$C$5:$U$54,2,FALSE))</f>
        <v/>
      </c>
      <c r="D54" s="72" t="str">
        <f>IF($B54="","",VLOOKUP($B54,'2. Gerenciamento'!$C$5:$U$54,3,FALSE))</f>
        <v/>
      </c>
      <c r="E54" s="72" t="str">
        <f>IF($B54="","",VLOOKUP($B54,'2. Gerenciamento'!$C$5:$U$54,4,FALSE))</f>
        <v/>
      </c>
      <c r="F54" s="72" t="str">
        <f>IF($B54="","",VLOOKUP($B54,'2. Gerenciamento'!$C$5:$U$54,5,FALSE))</f>
        <v/>
      </c>
      <c r="G54" s="59" t="str">
        <f>IF($B54="","",VLOOKUP($B54,'2. Gerenciamento'!$C$5:$U$54,18,FALSE))</f>
        <v/>
      </c>
      <c r="H54" s="166" t="str">
        <f>IF($B54="","",VLOOKUP($B54,'2. Gerenciamento'!$C$5:$AC$54,23,FALSE))</f>
        <v/>
      </c>
      <c r="I54" s="166" t="str">
        <f>IF($B54="","",VLOOKUP($B54,'2. Gerenciamento'!$C$5:$AC$54,24,FALSE))</f>
        <v/>
      </c>
    </row>
  </sheetData>
  <mergeCells count="8">
    <mergeCell ref="B2:D2"/>
    <mergeCell ref="E2:I2"/>
    <mergeCell ref="C3:C4"/>
    <mergeCell ref="B3:B4"/>
    <mergeCell ref="D3:F3"/>
    <mergeCell ref="G3:G4"/>
    <mergeCell ref="H3:H4"/>
    <mergeCell ref="I3:I4"/>
  </mergeCells>
  <conditionalFormatting sqref="G5:I54">
    <cfRule type="cellIs" dxfId="26" priority="1" operator="equal">
      <formula>"CRÍTICO"</formula>
    </cfRule>
  </conditionalFormatting>
  <conditionalFormatting sqref="G5:I54">
    <cfRule type="cellIs" dxfId="25" priority="2" operator="equal">
      <formula>"MUITO ALTO"</formula>
    </cfRule>
  </conditionalFormatting>
  <conditionalFormatting sqref="G5:I54">
    <cfRule type="cellIs" dxfId="24" priority="3" operator="equal">
      <formula>"ALTO"</formula>
    </cfRule>
  </conditionalFormatting>
  <conditionalFormatting sqref="G5:I54">
    <cfRule type="cellIs" dxfId="23" priority="4" operator="equal">
      <formula>"MÉDIO"</formula>
    </cfRule>
  </conditionalFormatting>
  <conditionalFormatting sqref="G5:I54">
    <cfRule type="cellIs" dxfId="22" priority="5" operator="equal">
      <formula>"BAIXO"</formula>
    </cfRule>
  </conditionalFormatting>
  <conditionalFormatting sqref="G5:I54">
    <cfRule type="cellIs" dxfId="21" priority="6" operator="equal">
      <formula>"MUITO BAIXO"</formula>
    </cfRule>
  </conditionalFormatting>
  <pageMargins left="0.511811024" right="0.511811024" top="0.78740157499999996" bottom="0.78740157499999996" header="0.31496062000000002" footer="0.31496062000000002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2. Gerenciamento'!$C$5:$C$54</xm:f>
          </x14:formula1>
          <xm:sqref>B5:B54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H54"/>
  <sheetViews>
    <sheetView showGridLines="0" workbookViewId="0">
      <selection activeCell="B5" sqref="B5"/>
    </sheetView>
  </sheetViews>
  <sheetFormatPr defaultColWidth="9.140625" defaultRowHeight="12.75"/>
  <cols>
    <col min="1" max="1" width="2.7109375" style="67" customWidth="1"/>
    <col min="2" max="2" width="8.42578125" style="33" bestFit="1" customWidth="1"/>
    <col min="3" max="3" width="48.5703125" style="33" customWidth="1"/>
    <col min="4" max="4" width="25.5703125" style="33" customWidth="1"/>
    <col min="5" max="5" width="28.42578125" style="33" customWidth="1"/>
    <col min="6" max="6" width="17.140625" style="33" customWidth="1"/>
    <col min="7" max="7" width="30.140625" style="33" customWidth="1"/>
    <col min="8" max="8" width="12.85546875" style="33" bestFit="1" customWidth="1"/>
    <col min="9" max="12" width="9.140625" style="67"/>
    <col min="13" max="13" width="9.140625" style="67" customWidth="1"/>
    <col min="14" max="14" width="16.28515625" style="67" customWidth="1"/>
    <col min="15" max="16384" width="9.140625" style="67"/>
  </cols>
  <sheetData>
    <row r="2" spans="2:8" s="68" customFormat="1" ht="12.75" customHeight="1">
      <c r="B2" s="245" t="s">
        <v>116</v>
      </c>
      <c r="C2" s="245"/>
      <c r="D2" s="245"/>
      <c r="E2" s="245"/>
      <c r="F2" s="245"/>
      <c r="G2" s="245"/>
      <c r="H2" s="245"/>
    </row>
    <row r="3" spans="2:8" s="68" customFormat="1" ht="12.75" customHeight="1">
      <c r="B3" s="246" t="s">
        <v>142</v>
      </c>
      <c r="C3" s="245" t="s">
        <v>45</v>
      </c>
      <c r="D3" s="245"/>
      <c r="E3" s="245"/>
      <c r="F3" s="246" t="s">
        <v>108</v>
      </c>
      <c r="G3" s="246" t="s">
        <v>109</v>
      </c>
      <c r="H3" s="246" t="s">
        <v>69</v>
      </c>
    </row>
    <row r="4" spans="2:8" s="68" customFormat="1">
      <c r="B4" s="247"/>
      <c r="C4" s="69" t="s">
        <v>66</v>
      </c>
      <c r="D4" s="69" t="s">
        <v>9</v>
      </c>
      <c r="E4" s="69" t="s">
        <v>67</v>
      </c>
      <c r="F4" s="246"/>
      <c r="G4" s="247"/>
      <c r="H4" s="247"/>
    </row>
    <row r="5" spans="2:8" ht="61.5" customHeight="1">
      <c r="B5" s="70"/>
      <c r="C5" s="66" t="str">
        <f>IF($B5="","",VLOOKUP('4. Matriz'!$B5,'2. Gerenciamento'!$C$5:$U$54,3,FALSE))</f>
        <v/>
      </c>
      <c r="D5" s="66" t="str">
        <f>IF($B5="","",VLOOKUP('4. Matriz'!$B5,'2. Gerenciamento'!$C$5:$U$54,4,FALSE))</f>
        <v/>
      </c>
      <c r="E5" s="66" t="str">
        <f>IF($B5="","",VLOOKUP('4. Matriz'!$B5,'2. Gerenciamento'!$C$5:$U$54,5,FALSE))</f>
        <v/>
      </c>
      <c r="F5" s="65" t="str">
        <f>IF($B5="","",VLOOKUP('4. Matriz'!$B5,'2. Gerenciamento'!$C$5:$U$54,18,FALSE))</f>
        <v/>
      </c>
      <c r="G5" s="76" t="str">
        <f>IF($B5="","",VLOOKUP($B5,'2. Gerenciamento'!$C$5:$AC$54,23,FALSE))</f>
        <v/>
      </c>
      <c r="H5" s="76" t="str">
        <f>IF($B5="","",VLOOKUP($B5,'2. Gerenciamento'!$C$5:$AC$54,24,FALSE))</f>
        <v/>
      </c>
    </row>
    <row r="6" spans="2:8" ht="61.5" customHeight="1">
      <c r="B6" s="70"/>
      <c r="C6" s="66" t="str">
        <f>IF($B6="","",VLOOKUP('4. Matriz'!$B6,'2. Gerenciamento'!$C$5:$U$54,3,FALSE))</f>
        <v/>
      </c>
      <c r="D6" s="66" t="str">
        <f>IF($B6="","",VLOOKUP('4. Matriz'!$B6,'2. Gerenciamento'!$C$5:$U$54,4,FALSE))</f>
        <v/>
      </c>
      <c r="E6" s="66" t="str">
        <f>IF($B6="","",VLOOKUP('4. Matriz'!$B6,'2. Gerenciamento'!$C$5:$U$54,5,FALSE))</f>
        <v/>
      </c>
      <c r="F6" s="65" t="str">
        <f>IF($B6="","",VLOOKUP('4. Matriz'!$B6,'2. Gerenciamento'!$C$5:$U$54,18,FALSE))</f>
        <v/>
      </c>
      <c r="G6" s="76" t="str">
        <f>IF($B6="","",VLOOKUP($B6,'2. Gerenciamento'!$C$5:$AC$54,23,FALSE))</f>
        <v/>
      </c>
      <c r="H6" s="76" t="str">
        <f>IF($B6="","",VLOOKUP($B6,'2. Gerenciamento'!$C$5:$AC$54,24,FALSE))</f>
        <v/>
      </c>
    </row>
    <row r="7" spans="2:8" ht="61.5" customHeight="1">
      <c r="B7" s="70"/>
      <c r="C7" s="66" t="str">
        <f>IF($B7="","",VLOOKUP('4. Matriz'!$B7,'2. Gerenciamento'!$C$5:$U$54,3,FALSE))</f>
        <v/>
      </c>
      <c r="D7" s="66" t="str">
        <f>IF($B7="","",VLOOKUP('4. Matriz'!$B7,'2. Gerenciamento'!$C$5:$U$54,4,FALSE))</f>
        <v/>
      </c>
      <c r="E7" s="66" t="str">
        <f>IF($B7="","",VLOOKUP('4. Matriz'!$B7,'2. Gerenciamento'!$C$5:$U$54,5,FALSE))</f>
        <v/>
      </c>
      <c r="F7" s="65" t="str">
        <f>IF($B7="","",VLOOKUP('4. Matriz'!$B7,'2. Gerenciamento'!$C$5:$U$54,18,FALSE))</f>
        <v/>
      </c>
      <c r="G7" s="76" t="str">
        <f>IF($B7="","",VLOOKUP($B7,'2. Gerenciamento'!$C$5:$AC$54,23,FALSE))</f>
        <v/>
      </c>
      <c r="H7" s="76" t="str">
        <f>IF($B7="","",VLOOKUP($B7,'2. Gerenciamento'!$C$5:$AC$54,24,FALSE))</f>
        <v/>
      </c>
    </row>
    <row r="8" spans="2:8" ht="61.5" customHeight="1">
      <c r="B8" s="70"/>
      <c r="C8" s="66" t="str">
        <f>IF($B8="","",VLOOKUP('4. Matriz'!$B8,'2. Gerenciamento'!$C$5:$U$54,3,FALSE))</f>
        <v/>
      </c>
      <c r="D8" s="66" t="str">
        <f>IF($B8="","",VLOOKUP('4. Matriz'!$B8,'2. Gerenciamento'!$C$5:$U$54,4,FALSE))</f>
        <v/>
      </c>
      <c r="E8" s="66" t="str">
        <f>IF($B8="","",VLOOKUP('4. Matriz'!$B8,'2. Gerenciamento'!$C$5:$U$54,5,FALSE))</f>
        <v/>
      </c>
      <c r="F8" s="65" t="str">
        <f>IF($B8="","",VLOOKUP('4. Matriz'!$B8,'2. Gerenciamento'!$C$5:$U$54,18,FALSE))</f>
        <v/>
      </c>
      <c r="G8" s="76" t="str">
        <f>IF($B8="","",VLOOKUP($B8,'2. Gerenciamento'!$C$5:$AC$54,23,FALSE))</f>
        <v/>
      </c>
      <c r="H8" s="76" t="str">
        <f>IF($B8="","",VLOOKUP($B8,'2. Gerenciamento'!$C$5:$AC$54,24,FALSE))</f>
        <v/>
      </c>
    </row>
    <row r="9" spans="2:8" ht="61.5" customHeight="1">
      <c r="B9" s="70"/>
      <c r="C9" s="66" t="str">
        <f>IF($B9="","",VLOOKUP('4. Matriz'!$B9,'2. Gerenciamento'!$C$5:$U$54,3,FALSE))</f>
        <v/>
      </c>
      <c r="D9" s="66" t="str">
        <f>IF($B9="","",VLOOKUP('4. Matriz'!$B9,'2. Gerenciamento'!$C$5:$U$54,4,FALSE))</f>
        <v/>
      </c>
      <c r="E9" s="66" t="str">
        <f>IF($B9="","",VLOOKUP('4. Matriz'!$B9,'2. Gerenciamento'!$C$5:$U$54,5,FALSE))</f>
        <v/>
      </c>
      <c r="F9" s="65" t="str">
        <f>IF($B9="","",VLOOKUP('4. Matriz'!$B9,'2. Gerenciamento'!$C$5:$U$54,18,FALSE))</f>
        <v/>
      </c>
      <c r="G9" s="76" t="str">
        <f>IF($B9="","",VLOOKUP($B9,'2. Gerenciamento'!$C$5:$AC$54,23,FALSE))</f>
        <v/>
      </c>
      <c r="H9" s="76" t="str">
        <f>IF($B9="","",VLOOKUP($B9,'2. Gerenciamento'!$C$5:$AC$54,24,FALSE))</f>
        <v/>
      </c>
    </row>
    <row r="10" spans="2:8" ht="61.5" customHeight="1">
      <c r="B10" s="70" t="str">
        <f>IF('5. Monitoramento'!B9="","",'5. Monitoramento'!B9)</f>
        <v/>
      </c>
      <c r="C10" s="66" t="str">
        <f>IF($B10="","",VLOOKUP('4. Matriz'!$B10,'2. Gerenciamento'!$C$5:$U$54,3,FALSE))</f>
        <v/>
      </c>
      <c r="D10" s="66" t="str">
        <f>IF($B10="","",VLOOKUP('4. Matriz'!$B10,'2. Gerenciamento'!$C$5:$U$54,4,FALSE))</f>
        <v/>
      </c>
      <c r="E10" s="66" t="str">
        <f>IF($B10="","",VLOOKUP('4. Matriz'!$B10,'2. Gerenciamento'!$C$5:$U$54,5,FALSE))</f>
        <v/>
      </c>
      <c r="F10" s="65" t="str">
        <f>IF($B10="","",VLOOKUP('4. Matriz'!$B10,'2. Gerenciamento'!$C$5:$U$54,18,FALSE))</f>
        <v/>
      </c>
      <c r="G10" s="76" t="str">
        <f>IF($B10="","",VLOOKUP($B10,'2. Gerenciamento'!$C$5:$AC$54,23,FALSE))</f>
        <v/>
      </c>
      <c r="H10" s="76" t="str">
        <f>IF($B10="","",VLOOKUP($B10,'2. Gerenciamento'!$C$5:$AC$54,24,FALSE))</f>
        <v/>
      </c>
    </row>
    <row r="11" spans="2:8" ht="61.5" customHeight="1">
      <c r="B11" s="70" t="str">
        <f>IF('5. Monitoramento'!B10="","",'5. Monitoramento'!B10)</f>
        <v/>
      </c>
      <c r="C11" s="66" t="str">
        <f>IF($B11="","",VLOOKUP('4. Matriz'!$B11,'2. Gerenciamento'!$C$5:$U$54,3,FALSE))</f>
        <v/>
      </c>
      <c r="D11" s="66" t="str">
        <f>IF($B11="","",VLOOKUP('4. Matriz'!$B11,'2. Gerenciamento'!$C$5:$U$54,4,FALSE))</f>
        <v/>
      </c>
      <c r="E11" s="66" t="str">
        <f>IF($B11="","",VLOOKUP('4. Matriz'!$B11,'2. Gerenciamento'!$C$5:$U$54,5,FALSE))</f>
        <v/>
      </c>
      <c r="F11" s="65" t="str">
        <f>IF($B11="","",VLOOKUP('4. Matriz'!$B11,'2. Gerenciamento'!$C$5:$U$54,18,FALSE))</f>
        <v/>
      </c>
      <c r="G11" s="76" t="str">
        <f>IF($B11="","",VLOOKUP($B11,'2. Gerenciamento'!$C$5:$AC$54,23,FALSE))</f>
        <v/>
      </c>
      <c r="H11" s="76" t="str">
        <f>IF($B11="","",VLOOKUP($B11,'2. Gerenciamento'!$C$5:$AC$54,24,FALSE))</f>
        <v/>
      </c>
    </row>
    <row r="12" spans="2:8" ht="61.5" customHeight="1">
      <c r="B12" s="70" t="str">
        <f>IF('5. Monitoramento'!B11="","",'5. Monitoramento'!B11)</f>
        <v/>
      </c>
      <c r="C12" s="66" t="str">
        <f>IF($B12="","",VLOOKUP('4. Matriz'!$B12,'2. Gerenciamento'!$C$5:$U$54,3,FALSE))</f>
        <v/>
      </c>
      <c r="D12" s="66" t="str">
        <f>IF($B12="","",VLOOKUP('4. Matriz'!$B12,'2. Gerenciamento'!$C$5:$U$54,4,FALSE))</f>
        <v/>
      </c>
      <c r="E12" s="66" t="str">
        <f>IF($B12="","",VLOOKUP('4. Matriz'!$B12,'2. Gerenciamento'!$C$5:$U$54,5,FALSE))</f>
        <v/>
      </c>
      <c r="F12" s="65" t="str">
        <f>IF($B12="","",VLOOKUP('4. Matriz'!$B12,'2. Gerenciamento'!$C$5:$U$54,18,FALSE))</f>
        <v/>
      </c>
      <c r="G12" s="76" t="str">
        <f>IF($B12="","",VLOOKUP($B12,'2. Gerenciamento'!$C$5:$AC$54,23,FALSE))</f>
        <v/>
      </c>
      <c r="H12" s="76" t="str">
        <f>IF($B12="","",VLOOKUP($B12,'2. Gerenciamento'!$C$5:$AC$54,24,FALSE))</f>
        <v/>
      </c>
    </row>
    <row r="13" spans="2:8" ht="61.5" customHeight="1">
      <c r="B13" s="70" t="str">
        <f>IF('5. Monitoramento'!B12="","",'5. Monitoramento'!B12)</f>
        <v/>
      </c>
      <c r="C13" s="66" t="str">
        <f>IF($B13="","",VLOOKUP('4. Matriz'!$B13,'2. Gerenciamento'!$C$5:$U$54,3,FALSE))</f>
        <v/>
      </c>
      <c r="D13" s="66" t="str">
        <f>IF($B13="","",VLOOKUP('4. Matriz'!$B13,'2. Gerenciamento'!$C$5:$U$54,4,FALSE))</f>
        <v/>
      </c>
      <c r="E13" s="66" t="str">
        <f>IF($B13="","",VLOOKUP('4. Matriz'!$B13,'2. Gerenciamento'!$C$5:$U$54,5,FALSE))</f>
        <v/>
      </c>
      <c r="F13" s="65" t="str">
        <f>IF($B13="","",VLOOKUP('4. Matriz'!$B13,'2. Gerenciamento'!$C$5:$U$54,18,FALSE))</f>
        <v/>
      </c>
      <c r="G13" s="76" t="str">
        <f>IF($B13="","",VLOOKUP($B13,'2. Gerenciamento'!$C$5:$AC$54,23,FALSE))</f>
        <v/>
      </c>
      <c r="H13" s="76" t="str">
        <f>IF($B13="","",VLOOKUP($B13,'2. Gerenciamento'!$C$5:$AC$54,24,FALSE))</f>
        <v/>
      </c>
    </row>
    <row r="14" spans="2:8" ht="61.5" customHeight="1">
      <c r="B14" s="70" t="str">
        <f>IF('5. Monitoramento'!B13="","",'5. Monitoramento'!B13)</f>
        <v/>
      </c>
      <c r="C14" s="66" t="str">
        <f>IF($B14="","",VLOOKUP('4. Matriz'!$B14,'2. Gerenciamento'!$C$5:$U$54,3,FALSE))</f>
        <v/>
      </c>
      <c r="D14" s="66" t="str">
        <f>IF($B14="","",VLOOKUP('4. Matriz'!$B14,'2. Gerenciamento'!$C$5:$U$54,4,FALSE))</f>
        <v/>
      </c>
      <c r="E14" s="66" t="str">
        <f>IF($B14="","",VLOOKUP('4. Matriz'!$B14,'2. Gerenciamento'!$C$5:$U$54,5,FALSE))</f>
        <v/>
      </c>
      <c r="F14" s="65" t="str">
        <f>IF($B14="","",VLOOKUP('4. Matriz'!$B14,'2. Gerenciamento'!$C$5:$U$54,18,FALSE))</f>
        <v/>
      </c>
      <c r="G14" s="76" t="str">
        <f>IF($B14="","",VLOOKUP($B14,'2. Gerenciamento'!$C$5:$AC$54,23,FALSE))</f>
        <v/>
      </c>
      <c r="H14" s="76" t="str">
        <f>IF($B14="","",VLOOKUP($B14,'2. Gerenciamento'!$C$5:$AC$54,24,FALSE))</f>
        <v/>
      </c>
    </row>
    <row r="15" spans="2:8" ht="61.5" customHeight="1">
      <c r="B15" s="70" t="str">
        <f>IF('5. Monitoramento'!B14="","",'5. Monitoramento'!B14)</f>
        <v/>
      </c>
      <c r="C15" s="66" t="str">
        <f>IF($B15="","",VLOOKUP('4. Matriz'!$B15,'2. Gerenciamento'!$C$5:$U$54,3,FALSE))</f>
        <v/>
      </c>
      <c r="D15" s="66" t="str">
        <f>IF($B15="","",VLOOKUP('4. Matriz'!$B15,'2. Gerenciamento'!$C$5:$U$54,4,FALSE))</f>
        <v/>
      </c>
      <c r="E15" s="66" t="str">
        <f>IF($B15="","",VLOOKUP('4. Matriz'!$B15,'2. Gerenciamento'!$C$5:$U$54,5,FALSE))</f>
        <v/>
      </c>
      <c r="F15" s="65" t="str">
        <f>IF($B15="","",VLOOKUP('4. Matriz'!$B15,'2. Gerenciamento'!$C$5:$U$54,18,FALSE))</f>
        <v/>
      </c>
      <c r="G15" s="76" t="str">
        <f>IF($B15="","",VLOOKUP($B15,'2. Gerenciamento'!$C$5:$AC$54,23,FALSE))</f>
        <v/>
      </c>
      <c r="H15" s="76" t="str">
        <f>IF($B15="","",VLOOKUP($B15,'2. Gerenciamento'!$C$5:$AC$54,24,FALSE))</f>
        <v/>
      </c>
    </row>
    <row r="16" spans="2:8" ht="61.5" customHeight="1">
      <c r="B16" s="70" t="str">
        <f>IF('5. Monitoramento'!B15="","",'5. Monitoramento'!B15)</f>
        <v/>
      </c>
      <c r="C16" s="66" t="str">
        <f>IF($B16="","",VLOOKUP('4. Matriz'!$B16,'2. Gerenciamento'!$C$5:$U$54,3,FALSE))</f>
        <v/>
      </c>
      <c r="D16" s="66" t="str">
        <f>IF($B16="","",VLOOKUP('4. Matriz'!$B16,'2. Gerenciamento'!$C$5:$U$54,4,FALSE))</f>
        <v/>
      </c>
      <c r="E16" s="66" t="str">
        <f>IF($B16="","",VLOOKUP('4. Matriz'!$B16,'2. Gerenciamento'!$C$5:$U$54,5,FALSE))</f>
        <v/>
      </c>
      <c r="F16" s="65" t="str">
        <f>IF($B16="","",VLOOKUP('4. Matriz'!$B16,'2. Gerenciamento'!$C$5:$U$54,18,FALSE))</f>
        <v/>
      </c>
      <c r="G16" s="76" t="str">
        <f>IF($B16="","",VLOOKUP($B16,'2. Gerenciamento'!$C$5:$AC$54,23,FALSE))</f>
        <v/>
      </c>
      <c r="H16" s="76" t="str">
        <f>IF($B16="","",VLOOKUP($B16,'2. Gerenciamento'!$C$5:$AC$54,24,FALSE))</f>
        <v/>
      </c>
    </row>
    <row r="17" spans="2:8" ht="61.5" customHeight="1">
      <c r="B17" s="70" t="str">
        <f>IF('5. Monitoramento'!B16="","",'5. Monitoramento'!B16)</f>
        <v/>
      </c>
      <c r="C17" s="66" t="str">
        <f>IF($B17="","",VLOOKUP('4. Matriz'!$B17,'2. Gerenciamento'!$C$5:$U$54,3,FALSE))</f>
        <v/>
      </c>
      <c r="D17" s="66" t="str">
        <f>IF($B17="","",VLOOKUP('4. Matriz'!$B17,'2. Gerenciamento'!$C$5:$U$54,4,FALSE))</f>
        <v/>
      </c>
      <c r="E17" s="66" t="str">
        <f>IF($B17="","",VLOOKUP('4. Matriz'!$B17,'2. Gerenciamento'!$C$5:$U$54,5,FALSE))</f>
        <v/>
      </c>
      <c r="F17" s="65" t="str">
        <f>IF($B17="","",VLOOKUP('4. Matriz'!$B17,'2. Gerenciamento'!$C$5:$U$54,18,FALSE))</f>
        <v/>
      </c>
      <c r="G17" s="76" t="str">
        <f>IF($B17="","",VLOOKUP($B17,'2. Gerenciamento'!$C$5:$AC$54,23,FALSE))</f>
        <v/>
      </c>
      <c r="H17" s="76" t="str">
        <f>IF($B17="","",VLOOKUP($B17,'2. Gerenciamento'!$C$5:$AC$54,24,FALSE))</f>
        <v/>
      </c>
    </row>
    <row r="18" spans="2:8" ht="61.5" customHeight="1">
      <c r="B18" s="70" t="str">
        <f>IF('5. Monitoramento'!B17="","",'5. Monitoramento'!B17)</f>
        <v/>
      </c>
      <c r="C18" s="66" t="str">
        <f>IF($B18="","",VLOOKUP('4. Matriz'!$B18,'2. Gerenciamento'!$C$5:$U$54,3,FALSE))</f>
        <v/>
      </c>
      <c r="D18" s="66" t="str">
        <f>IF($B18="","",VLOOKUP('4. Matriz'!$B18,'2. Gerenciamento'!$C$5:$U$54,4,FALSE))</f>
        <v/>
      </c>
      <c r="E18" s="66" t="str">
        <f>IF($B18="","",VLOOKUP('4. Matriz'!$B18,'2. Gerenciamento'!$C$5:$U$54,5,FALSE))</f>
        <v/>
      </c>
      <c r="F18" s="65" t="str">
        <f>IF($B18="","",VLOOKUP('4. Matriz'!$B18,'2. Gerenciamento'!$C$5:$U$54,18,FALSE))</f>
        <v/>
      </c>
      <c r="G18" s="76" t="str">
        <f>IF($B18="","",VLOOKUP($B18,'2. Gerenciamento'!$C$5:$AC$54,23,FALSE))</f>
        <v/>
      </c>
      <c r="H18" s="76" t="str">
        <f>IF($B18="","",VLOOKUP($B18,'2. Gerenciamento'!$C$5:$AC$54,24,FALSE))</f>
        <v/>
      </c>
    </row>
    <row r="19" spans="2:8" ht="61.5" customHeight="1">
      <c r="B19" s="70" t="str">
        <f>IF('5. Monitoramento'!B18="","",'5. Monitoramento'!B18)</f>
        <v/>
      </c>
      <c r="C19" s="66" t="str">
        <f>IF($B19="","",VLOOKUP('4. Matriz'!$B19,'2. Gerenciamento'!$C$5:$U$54,3,FALSE))</f>
        <v/>
      </c>
      <c r="D19" s="66" t="str">
        <f>IF($B19="","",VLOOKUP('4. Matriz'!$B19,'2. Gerenciamento'!$C$5:$U$54,4,FALSE))</f>
        <v/>
      </c>
      <c r="E19" s="66" t="str">
        <f>IF($B19="","",VLOOKUP('4. Matriz'!$B19,'2. Gerenciamento'!$C$5:$U$54,5,FALSE))</f>
        <v/>
      </c>
      <c r="F19" s="65" t="str">
        <f>IF($B19="","",VLOOKUP('4. Matriz'!$B19,'2. Gerenciamento'!$C$5:$U$54,18,FALSE))</f>
        <v/>
      </c>
      <c r="G19" s="76" t="str">
        <f>IF($B19="","",VLOOKUP($B19,'2. Gerenciamento'!$C$5:$AC$54,23,FALSE))</f>
        <v/>
      </c>
      <c r="H19" s="76" t="str">
        <f>IF($B19="","",VLOOKUP($B19,'2. Gerenciamento'!$C$5:$AC$54,24,FALSE))</f>
        <v/>
      </c>
    </row>
    <row r="20" spans="2:8" ht="61.5" customHeight="1">
      <c r="B20" s="70" t="str">
        <f>IF('5. Monitoramento'!B19="","",'5. Monitoramento'!B19)</f>
        <v/>
      </c>
      <c r="C20" s="66" t="str">
        <f>IF($B20="","",VLOOKUP('4. Matriz'!$B20,'2. Gerenciamento'!$C$5:$U$54,3,FALSE))</f>
        <v/>
      </c>
      <c r="D20" s="66" t="str">
        <f>IF($B20="","",VLOOKUP('4. Matriz'!$B20,'2. Gerenciamento'!$C$5:$U$54,4,FALSE))</f>
        <v/>
      </c>
      <c r="E20" s="66" t="str">
        <f>IF($B20="","",VLOOKUP('4. Matriz'!$B20,'2. Gerenciamento'!$C$5:$U$54,5,FALSE))</f>
        <v/>
      </c>
      <c r="F20" s="65" t="str">
        <f>IF($B20="","",VLOOKUP('4. Matriz'!$B20,'2. Gerenciamento'!$C$5:$U$54,18,FALSE))</f>
        <v/>
      </c>
      <c r="G20" s="76" t="str">
        <f>IF($B20="","",VLOOKUP($B20,'2. Gerenciamento'!$C$5:$AC$54,23,FALSE))</f>
        <v/>
      </c>
      <c r="H20" s="76" t="str">
        <f>IF($B20="","",VLOOKUP($B20,'2. Gerenciamento'!$C$5:$AC$54,24,FALSE))</f>
        <v/>
      </c>
    </row>
    <row r="21" spans="2:8" ht="61.5" customHeight="1">
      <c r="B21" s="70" t="str">
        <f>IF('5. Monitoramento'!B20="","",'5. Monitoramento'!B20)</f>
        <v/>
      </c>
      <c r="C21" s="66" t="str">
        <f>IF($B21="","",VLOOKUP('4. Matriz'!$B21,'2. Gerenciamento'!$C$5:$U$54,3,FALSE))</f>
        <v/>
      </c>
      <c r="D21" s="66" t="str">
        <f>IF($B21="","",VLOOKUP('4. Matriz'!$B21,'2. Gerenciamento'!$C$5:$U$54,4,FALSE))</f>
        <v/>
      </c>
      <c r="E21" s="66" t="str">
        <f>IF($B21="","",VLOOKUP('4. Matriz'!$B21,'2. Gerenciamento'!$C$5:$U$54,5,FALSE))</f>
        <v/>
      </c>
      <c r="F21" s="65" t="str">
        <f>IF($B21="","",VLOOKUP('4. Matriz'!$B21,'2. Gerenciamento'!$C$5:$U$54,18,FALSE))</f>
        <v/>
      </c>
      <c r="G21" s="76" t="str">
        <f>IF($B21="","",VLOOKUP($B21,'2. Gerenciamento'!$C$5:$AC$54,23,FALSE))</f>
        <v/>
      </c>
      <c r="H21" s="76" t="str">
        <f>IF($B21="","",VLOOKUP($B21,'2. Gerenciamento'!$C$5:$AC$54,24,FALSE))</f>
        <v/>
      </c>
    </row>
    <row r="22" spans="2:8" ht="61.5" customHeight="1">
      <c r="B22" s="70" t="str">
        <f>IF('5. Monitoramento'!B21="","",'5. Monitoramento'!B21)</f>
        <v/>
      </c>
      <c r="C22" s="66" t="str">
        <f>IF($B22="","",VLOOKUP('4. Matriz'!$B22,'2. Gerenciamento'!$C$5:$U$54,3,FALSE))</f>
        <v/>
      </c>
      <c r="D22" s="66" t="str">
        <f>IF($B22="","",VLOOKUP('4. Matriz'!$B22,'2. Gerenciamento'!$C$5:$U$54,4,FALSE))</f>
        <v/>
      </c>
      <c r="E22" s="66" t="str">
        <f>IF($B22="","",VLOOKUP('4. Matriz'!$B22,'2. Gerenciamento'!$C$5:$U$54,5,FALSE))</f>
        <v/>
      </c>
      <c r="F22" s="65" t="str">
        <f>IF($B22="","",VLOOKUP('4. Matriz'!$B22,'2. Gerenciamento'!$C$5:$U$54,18,FALSE))</f>
        <v/>
      </c>
      <c r="G22" s="76" t="str">
        <f>IF($B22="","",VLOOKUP($B22,'2. Gerenciamento'!$C$5:$AC$54,23,FALSE))</f>
        <v/>
      </c>
      <c r="H22" s="76" t="str">
        <f>IF($B22="","",VLOOKUP($B22,'2. Gerenciamento'!$C$5:$AC$54,24,FALSE))</f>
        <v/>
      </c>
    </row>
    <row r="23" spans="2:8" ht="61.5" customHeight="1">
      <c r="B23" s="70" t="str">
        <f>IF('5. Monitoramento'!B22="","",'5. Monitoramento'!B22)</f>
        <v/>
      </c>
      <c r="C23" s="66" t="str">
        <f>IF($B23="","",VLOOKUP('4. Matriz'!$B23,'2. Gerenciamento'!$C$5:$U$54,3,FALSE))</f>
        <v/>
      </c>
      <c r="D23" s="66" t="str">
        <f>IF($B23="","",VLOOKUP('4. Matriz'!$B23,'2. Gerenciamento'!$C$5:$U$54,4,FALSE))</f>
        <v/>
      </c>
      <c r="E23" s="66" t="str">
        <f>IF($B23="","",VLOOKUP('4. Matriz'!$B23,'2. Gerenciamento'!$C$5:$U$54,5,FALSE))</f>
        <v/>
      </c>
      <c r="F23" s="65" t="str">
        <f>IF($B23="","",VLOOKUP('4. Matriz'!$B23,'2. Gerenciamento'!$C$5:$U$54,18,FALSE))</f>
        <v/>
      </c>
      <c r="G23" s="76" t="str">
        <f>IF($B23="","",VLOOKUP($B23,'2. Gerenciamento'!$C$5:$AC$54,23,FALSE))</f>
        <v/>
      </c>
      <c r="H23" s="76" t="str">
        <f>IF($B23="","",VLOOKUP($B23,'2. Gerenciamento'!$C$5:$AC$54,24,FALSE))</f>
        <v/>
      </c>
    </row>
    <row r="24" spans="2:8" ht="61.5" customHeight="1">
      <c r="B24" s="70" t="str">
        <f>IF('5. Monitoramento'!B23="","",'5. Monitoramento'!B23)</f>
        <v/>
      </c>
      <c r="C24" s="66" t="str">
        <f>IF($B24="","",VLOOKUP('4. Matriz'!$B24,'2. Gerenciamento'!$C$5:$U$54,3,FALSE))</f>
        <v/>
      </c>
      <c r="D24" s="66" t="str">
        <f>IF($B24="","",VLOOKUP('4. Matriz'!$B24,'2. Gerenciamento'!$C$5:$U$54,4,FALSE))</f>
        <v/>
      </c>
      <c r="E24" s="66" t="str">
        <f>IF($B24="","",VLOOKUP('4. Matriz'!$B24,'2. Gerenciamento'!$C$5:$U$54,5,FALSE))</f>
        <v/>
      </c>
      <c r="F24" s="65" t="str">
        <f>IF($B24="","",VLOOKUP('4. Matriz'!$B24,'2. Gerenciamento'!$C$5:$U$54,18,FALSE))</f>
        <v/>
      </c>
      <c r="G24" s="76" t="str">
        <f>IF($B24="","",VLOOKUP($B24,'2. Gerenciamento'!$C$5:$AC$54,23,FALSE))</f>
        <v/>
      </c>
      <c r="H24" s="76" t="str">
        <f>IF($B24="","",VLOOKUP($B24,'2. Gerenciamento'!$C$5:$AC$54,24,FALSE))</f>
        <v/>
      </c>
    </row>
    <row r="25" spans="2:8" ht="61.5" customHeight="1">
      <c r="B25" s="70" t="str">
        <f>IF('5. Monitoramento'!B24="","",'5. Monitoramento'!B24)</f>
        <v/>
      </c>
      <c r="C25" s="66" t="str">
        <f>IF($B25="","",VLOOKUP('4. Matriz'!$B25,'2. Gerenciamento'!$C$5:$U$54,3,FALSE))</f>
        <v/>
      </c>
      <c r="D25" s="66" t="str">
        <f>IF($B25="","",VLOOKUP('4. Matriz'!$B25,'2. Gerenciamento'!$C$5:$U$54,4,FALSE))</f>
        <v/>
      </c>
      <c r="E25" s="66" t="str">
        <f>IF($B25="","",VLOOKUP('4. Matriz'!$B25,'2. Gerenciamento'!$C$5:$U$54,5,FALSE))</f>
        <v/>
      </c>
      <c r="F25" s="65" t="str">
        <f>IF($B25="","",VLOOKUP('4. Matriz'!$B25,'2. Gerenciamento'!$C$5:$U$54,18,FALSE))</f>
        <v/>
      </c>
      <c r="G25" s="76" t="str">
        <f>IF($B25="","",VLOOKUP($B25,'2. Gerenciamento'!$C$5:$AC$54,23,FALSE))</f>
        <v/>
      </c>
      <c r="H25" s="76" t="str">
        <f>IF($B25="","",VLOOKUP($B25,'2. Gerenciamento'!$C$5:$AC$54,24,FALSE))</f>
        <v/>
      </c>
    </row>
    <row r="26" spans="2:8" ht="61.5" customHeight="1">
      <c r="B26" s="70" t="str">
        <f>IF('5. Monitoramento'!B25="","",'5. Monitoramento'!B25)</f>
        <v/>
      </c>
      <c r="C26" s="66" t="str">
        <f>IF($B26="","",VLOOKUP('4. Matriz'!$B26,'2. Gerenciamento'!$C$5:$U$54,3,FALSE))</f>
        <v/>
      </c>
      <c r="D26" s="66" t="str">
        <f>IF($B26="","",VLOOKUP('4. Matriz'!$B26,'2. Gerenciamento'!$C$5:$U$54,4,FALSE))</f>
        <v/>
      </c>
      <c r="E26" s="66" t="str">
        <f>IF($B26="","",VLOOKUP('4. Matriz'!$B26,'2. Gerenciamento'!$C$5:$U$54,5,FALSE))</f>
        <v/>
      </c>
      <c r="F26" s="65" t="str">
        <f>IF($B26="","",VLOOKUP('4. Matriz'!$B26,'2. Gerenciamento'!$C$5:$U$54,18,FALSE))</f>
        <v/>
      </c>
      <c r="G26" s="76" t="str">
        <f>IF($B26="","",VLOOKUP($B26,'2. Gerenciamento'!$C$5:$AC$54,23,FALSE))</f>
        <v/>
      </c>
      <c r="H26" s="76" t="str">
        <f>IF($B26="","",VLOOKUP($B26,'2. Gerenciamento'!$C$5:$AC$54,24,FALSE))</f>
        <v/>
      </c>
    </row>
    <row r="27" spans="2:8" ht="61.5" customHeight="1">
      <c r="B27" s="70" t="str">
        <f>IF('5. Monitoramento'!B26="","",'5. Monitoramento'!B26)</f>
        <v/>
      </c>
      <c r="C27" s="66" t="str">
        <f>IF($B27="","",VLOOKUP('4. Matriz'!$B27,'2. Gerenciamento'!$C$5:$U$54,3,FALSE))</f>
        <v/>
      </c>
      <c r="D27" s="66" t="str">
        <f>IF($B27="","",VLOOKUP('4. Matriz'!$B27,'2. Gerenciamento'!$C$5:$U$54,4,FALSE))</f>
        <v/>
      </c>
      <c r="E27" s="66" t="str">
        <f>IF($B27="","",VLOOKUP('4. Matriz'!$B27,'2. Gerenciamento'!$C$5:$U$54,5,FALSE))</f>
        <v/>
      </c>
      <c r="F27" s="65" t="str">
        <f>IF($B27="","",VLOOKUP('4. Matriz'!$B27,'2. Gerenciamento'!$C$5:$U$54,18,FALSE))</f>
        <v/>
      </c>
      <c r="G27" s="76" t="str">
        <f>IF($B27="","",VLOOKUP($B27,'2. Gerenciamento'!$C$5:$AC$54,23,FALSE))</f>
        <v/>
      </c>
      <c r="H27" s="76" t="str">
        <f>IF($B27="","",VLOOKUP($B27,'2. Gerenciamento'!$C$5:$AC$54,24,FALSE))</f>
        <v/>
      </c>
    </row>
    <row r="28" spans="2:8" ht="61.5" customHeight="1">
      <c r="B28" s="70" t="str">
        <f>IF('5. Monitoramento'!B27="","",'5. Monitoramento'!B27)</f>
        <v/>
      </c>
      <c r="C28" s="66" t="str">
        <f>IF($B28="","",VLOOKUP('4. Matriz'!$B28,'2. Gerenciamento'!$C$5:$U$54,3,FALSE))</f>
        <v/>
      </c>
      <c r="D28" s="66" t="str">
        <f>IF($B28="","",VLOOKUP('4. Matriz'!$B28,'2. Gerenciamento'!$C$5:$U$54,4,FALSE))</f>
        <v/>
      </c>
      <c r="E28" s="66" t="str">
        <f>IF($B28="","",VLOOKUP('4. Matriz'!$B28,'2. Gerenciamento'!$C$5:$U$54,5,FALSE))</f>
        <v/>
      </c>
      <c r="F28" s="65" t="str">
        <f>IF($B28="","",VLOOKUP('4. Matriz'!$B28,'2. Gerenciamento'!$C$5:$U$54,18,FALSE))</f>
        <v/>
      </c>
      <c r="G28" s="76" t="str">
        <f>IF($B28="","",VLOOKUP($B28,'2. Gerenciamento'!$C$5:$AC$54,23,FALSE))</f>
        <v/>
      </c>
      <c r="H28" s="76" t="str">
        <f>IF($B28="","",VLOOKUP($B28,'2. Gerenciamento'!$C$5:$AC$54,24,FALSE))</f>
        <v/>
      </c>
    </row>
    <row r="29" spans="2:8" ht="61.5" customHeight="1">
      <c r="B29" s="70" t="str">
        <f>IF('5. Monitoramento'!B28="","",'5. Monitoramento'!B28)</f>
        <v/>
      </c>
      <c r="C29" s="66" t="str">
        <f>IF($B29="","",VLOOKUP('4. Matriz'!$B29,'2. Gerenciamento'!$C$5:$U$54,3,FALSE))</f>
        <v/>
      </c>
      <c r="D29" s="66" t="str">
        <f>IF($B29="","",VLOOKUP('4. Matriz'!$B29,'2. Gerenciamento'!$C$5:$U$54,4,FALSE))</f>
        <v/>
      </c>
      <c r="E29" s="66" t="str">
        <f>IF($B29="","",VLOOKUP('4. Matriz'!$B29,'2. Gerenciamento'!$C$5:$U$54,5,FALSE))</f>
        <v/>
      </c>
      <c r="F29" s="65" t="str">
        <f>IF($B29="","",VLOOKUP('4. Matriz'!$B29,'2. Gerenciamento'!$C$5:$U$54,18,FALSE))</f>
        <v/>
      </c>
      <c r="G29" s="76" t="str">
        <f>IF($B29="","",VLOOKUP($B29,'2. Gerenciamento'!$C$5:$AC$54,23,FALSE))</f>
        <v/>
      </c>
      <c r="H29" s="76" t="str">
        <f>IF($B29="","",VLOOKUP($B29,'2. Gerenciamento'!$C$5:$AC$54,24,FALSE))</f>
        <v/>
      </c>
    </row>
    <row r="30" spans="2:8" ht="61.5" customHeight="1">
      <c r="B30" s="70" t="str">
        <f>IF('5. Monitoramento'!B29="","",'5. Monitoramento'!B29)</f>
        <v/>
      </c>
      <c r="C30" s="66" t="str">
        <f>IF($B30="","",VLOOKUP('4. Matriz'!$B30,'2. Gerenciamento'!$C$5:$U$54,3,FALSE))</f>
        <v/>
      </c>
      <c r="D30" s="66" t="str">
        <f>IF($B30="","",VLOOKUP('4. Matriz'!$B30,'2. Gerenciamento'!$C$5:$U$54,4,FALSE))</f>
        <v/>
      </c>
      <c r="E30" s="66" t="str">
        <f>IF($B30="","",VLOOKUP('4. Matriz'!$B30,'2. Gerenciamento'!$C$5:$U$54,5,FALSE))</f>
        <v/>
      </c>
      <c r="F30" s="65" t="str">
        <f>IF($B30="","",VLOOKUP('4. Matriz'!$B30,'2. Gerenciamento'!$C$5:$U$54,18,FALSE))</f>
        <v/>
      </c>
      <c r="G30" s="76" t="str">
        <f>IF($B30="","",VLOOKUP($B30,'2. Gerenciamento'!$C$5:$AC$54,23,FALSE))</f>
        <v/>
      </c>
      <c r="H30" s="76" t="str">
        <f>IF($B30="","",VLOOKUP($B30,'2. Gerenciamento'!$C$5:$AC$54,24,FALSE))</f>
        <v/>
      </c>
    </row>
    <row r="31" spans="2:8" ht="61.5" customHeight="1">
      <c r="B31" s="70" t="str">
        <f>IF('5. Monitoramento'!B30="","",'5. Monitoramento'!B30)</f>
        <v/>
      </c>
      <c r="C31" s="66" t="str">
        <f>IF($B31="","",VLOOKUP('4. Matriz'!$B31,'2. Gerenciamento'!$C$5:$U$54,3,FALSE))</f>
        <v/>
      </c>
      <c r="D31" s="66" t="str">
        <f>IF($B31="","",VLOOKUP('4. Matriz'!$B31,'2. Gerenciamento'!$C$5:$U$54,4,FALSE))</f>
        <v/>
      </c>
      <c r="E31" s="66" t="str">
        <f>IF($B31="","",VLOOKUP('4. Matriz'!$B31,'2. Gerenciamento'!$C$5:$U$54,5,FALSE))</f>
        <v/>
      </c>
      <c r="F31" s="65" t="str">
        <f>IF($B31="","",VLOOKUP('4. Matriz'!$B31,'2. Gerenciamento'!$C$5:$U$54,18,FALSE))</f>
        <v/>
      </c>
      <c r="G31" s="76" t="str">
        <f>IF($B31="","",VLOOKUP($B31,'2. Gerenciamento'!$C$5:$AC$54,23,FALSE))</f>
        <v/>
      </c>
      <c r="H31" s="76" t="str">
        <f>IF($B31="","",VLOOKUP($B31,'2. Gerenciamento'!$C$5:$AC$54,24,FALSE))</f>
        <v/>
      </c>
    </row>
    <row r="32" spans="2:8" ht="61.5" customHeight="1">
      <c r="B32" s="70" t="str">
        <f>IF('5. Monitoramento'!B31="","",'5. Monitoramento'!B31)</f>
        <v/>
      </c>
      <c r="C32" s="66" t="str">
        <f>IF($B32="","",VLOOKUP('4. Matriz'!$B32,'2. Gerenciamento'!$C$5:$U$54,3,FALSE))</f>
        <v/>
      </c>
      <c r="D32" s="66" t="str">
        <f>IF($B32="","",VLOOKUP('4. Matriz'!$B32,'2. Gerenciamento'!$C$5:$U$54,4,FALSE))</f>
        <v/>
      </c>
      <c r="E32" s="66" t="str">
        <f>IF($B32="","",VLOOKUP('4. Matriz'!$B32,'2. Gerenciamento'!$C$5:$U$54,5,FALSE))</f>
        <v/>
      </c>
      <c r="F32" s="65" t="str">
        <f>IF($B32="","",VLOOKUP('4. Matriz'!$B32,'2. Gerenciamento'!$C$5:$U$54,18,FALSE))</f>
        <v/>
      </c>
      <c r="G32" s="76" t="str">
        <f>IF($B32="","",VLOOKUP($B32,'2. Gerenciamento'!$C$5:$AC$54,23,FALSE))</f>
        <v/>
      </c>
      <c r="H32" s="76" t="str">
        <f>IF($B32="","",VLOOKUP($B32,'2. Gerenciamento'!$C$5:$AC$54,24,FALSE))</f>
        <v/>
      </c>
    </row>
    <row r="33" spans="2:8" ht="61.5" customHeight="1">
      <c r="B33" s="70" t="str">
        <f>IF('5. Monitoramento'!B32="","",'5. Monitoramento'!B32)</f>
        <v/>
      </c>
      <c r="C33" s="66" t="str">
        <f>IF($B33="","",VLOOKUP('4. Matriz'!$B33,'2. Gerenciamento'!$C$5:$U$54,3,FALSE))</f>
        <v/>
      </c>
      <c r="D33" s="66" t="str">
        <f>IF($B33="","",VLOOKUP('4. Matriz'!$B33,'2. Gerenciamento'!$C$5:$U$54,4,FALSE))</f>
        <v/>
      </c>
      <c r="E33" s="66" t="str">
        <f>IF($B33="","",VLOOKUP('4. Matriz'!$B33,'2. Gerenciamento'!$C$5:$U$54,5,FALSE))</f>
        <v/>
      </c>
      <c r="F33" s="65" t="str">
        <f>IF($B33="","",VLOOKUP('4. Matriz'!$B33,'2. Gerenciamento'!$C$5:$U$54,18,FALSE))</f>
        <v/>
      </c>
      <c r="G33" s="76" t="str">
        <f>IF($B33="","",VLOOKUP($B33,'2. Gerenciamento'!$C$5:$AC$54,23,FALSE))</f>
        <v/>
      </c>
      <c r="H33" s="76" t="str">
        <f>IF($B33="","",VLOOKUP($B33,'2. Gerenciamento'!$C$5:$AC$54,24,FALSE))</f>
        <v/>
      </c>
    </row>
    <row r="34" spans="2:8" ht="61.5" customHeight="1">
      <c r="B34" s="70" t="str">
        <f>IF('5. Monitoramento'!B33="","",'5. Monitoramento'!B33)</f>
        <v/>
      </c>
      <c r="C34" s="66" t="str">
        <f>IF($B34="","",VLOOKUP('4. Matriz'!$B34,'2. Gerenciamento'!$C$5:$U$54,3,FALSE))</f>
        <v/>
      </c>
      <c r="D34" s="66" t="str">
        <f>IF($B34="","",VLOOKUP('4. Matriz'!$B34,'2. Gerenciamento'!$C$5:$U$54,4,FALSE))</f>
        <v/>
      </c>
      <c r="E34" s="66" t="str">
        <f>IF($B34="","",VLOOKUP('4. Matriz'!$B34,'2. Gerenciamento'!$C$5:$U$54,5,FALSE))</f>
        <v/>
      </c>
      <c r="F34" s="65" t="str">
        <f>IF($B34="","",VLOOKUP('4. Matriz'!$B34,'2. Gerenciamento'!$C$5:$U$54,18,FALSE))</f>
        <v/>
      </c>
      <c r="G34" s="76" t="str">
        <f>IF($B34="","",VLOOKUP($B34,'2. Gerenciamento'!$C$5:$AC$54,23,FALSE))</f>
        <v/>
      </c>
      <c r="H34" s="76" t="str">
        <f>IF($B34="","",VLOOKUP($B34,'2. Gerenciamento'!$C$5:$AC$54,24,FALSE))</f>
        <v/>
      </c>
    </row>
    <row r="35" spans="2:8" ht="61.5" customHeight="1">
      <c r="B35" s="70" t="str">
        <f>IF('5. Monitoramento'!B34="","",'5. Monitoramento'!B34)</f>
        <v/>
      </c>
      <c r="C35" s="66" t="str">
        <f>IF($B35="","",VLOOKUP('4. Matriz'!$B35,'2. Gerenciamento'!$C$5:$U$54,3,FALSE))</f>
        <v/>
      </c>
      <c r="D35" s="66" t="str">
        <f>IF($B35="","",VLOOKUP('4. Matriz'!$B35,'2. Gerenciamento'!$C$5:$U$54,4,FALSE))</f>
        <v/>
      </c>
      <c r="E35" s="66" t="str">
        <f>IF($B35="","",VLOOKUP('4. Matriz'!$B35,'2. Gerenciamento'!$C$5:$U$54,5,FALSE))</f>
        <v/>
      </c>
      <c r="F35" s="65" t="str">
        <f>IF($B35="","",VLOOKUP('4. Matriz'!$B35,'2. Gerenciamento'!$C$5:$U$54,18,FALSE))</f>
        <v/>
      </c>
      <c r="G35" s="76" t="str">
        <f>IF($B35="","",VLOOKUP($B35,'2. Gerenciamento'!$C$5:$AC$54,23,FALSE))</f>
        <v/>
      </c>
      <c r="H35" s="76" t="str">
        <f>IF($B35="","",VLOOKUP($B35,'2. Gerenciamento'!$C$5:$AC$54,24,FALSE))</f>
        <v/>
      </c>
    </row>
    <row r="36" spans="2:8" ht="61.5" customHeight="1">
      <c r="B36" s="70" t="str">
        <f>IF('5. Monitoramento'!B35="","",'5. Monitoramento'!B35)</f>
        <v/>
      </c>
      <c r="C36" s="66" t="str">
        <f>IF($B36="","",VLOOKUP('4. Matriz'!$B36,'2. Gerenciamento'!$C$5:$U$54,3,FALSE))</f>
        <v/>
      </c>
      <c r="D36" s="66" t="str">
        <f>IF($B36="","",VLOOKUP('4. Matriz'!$B36,'2. Gerenciamento'!$C$5:$U$54,4,FALSE))</f>
        <v/>
      </c>
      <c r="E36" s="66" t="str">
        <f>IF($B36="","",VLOOKUP('4. Matriz'!$B36,'2. Gerenciamento'!$C$5:$U$54,5,FALSE))</f>
        <v/>
      </c>
      <c r="F36" s="65" t="str">
        <f>IF($B36="","",VLOOKUP('4. Matriz'!$B36,'2. Gerenciamento'!$C$5:$U$54,18,FALSE))</f>
        <v/>
      </c>
      <c r="G36" s="76" t="str">
        <f>IF($B36="","",VLOOKUP($B36,'2. Gerenciamento'!$C$5:$AC$54,23,FALSE))</f>
        <v/>
      </c>
      <c r="H36" s="76" t="str">
        <f>IF($B36="","",VLOOKUP($B36,'2. Gerenciamento'!$C$5:$AC$54,24,FALSE))</f>
        <v/>
      </c>
    </row>
    <row r="37" spans="2:8" ht="61.5" customHeight="1">
      <c r="B37" s="70" t="str">
        <f>IF('5. Monitoramento'!B36="","",'5. Monitoramento'!B36)</f>
        <v/>
      </c>
      <c r="C37" s="66" t="str">
        <f>IF($B37="","",VLOOKUP('4. Matriz'!$B37,'2. Gerenciamento'!$C$5:$U$54,3,FALSE))</f>
        <v/>
      </c>
      <c r="D37" s="66" t="str">
        <f>IF($B37="","",VLOOKUP('4. Matriz'!$B37,'2. Gerenciamento'!$C$5:$U$54,4,FALSE))</f>
        <v/>
      </c>
      <c r="E37" s="66" t="str">
        <f>IF($B37="","",VLOOKUP('4. Matriz'!$B37,'2. Gerenciamento'!$C$5:$U$54,5,FALSE))</f>
        <v/>
      </c>
      <c r="F37" s="65" t="str">
        <f>IF($B37="","",VLOOKUP('4. Matriz'!$B37,'2. Gerenciamento'!$C$5:$U$54,18,FALSE))</f>
        <v/>
      </c>
      <c r="G37" s="76" t="str">
        <f>IF($B37="","",VLOOKUP($B37,'2. Gerenciamento'!$C$5:$AC$54,23,FALSE))</f>
        <v/>
      </c>
      <c r="H37" s="76" t="str">
        <f>IF($B37="","",VLOOKUP($B37,'2. Gerenciamento'!$C$5:$AC$54,24,FALSE))</f>
        <v/>
      </c>
    </row>
    <row r="38" spans="2:8" ht="61.5" customHeight="1">
      <c r="B38" s="70" t="str">
        <f>IF('5. Monitoramento'!B37="","",'5. Monitoramento'!B37)</f>
        <v/>
      </c>
      <c r="C38" s="66" t="str">
        <f>IF($B38="","",VLOOKUP('4. Matriz'!$B38,'2. Gerenciamento'!$C$5:$U$54,3,FALSE))</f>
        <v/>
      </c>
      <c r="D38" s="66" t="str">
        <f>IF($B38="","",VLOOKUP('4. Matriz'!$B38,'2. Gerenciamento'!$C$5:$U$54,4,FALSE))</f>
        <v/>
      </c>
      <c r="E38" s="66" t="str">
        <f>IF($B38="","",VLOOKUP('4. Matriz'!$B38,'2. Gerenciamento'!$C$5:$U$54,5,FALSE))</f>
        <v/>
      </c>
      <c r="F38" s="65" t="str">
        <f>IF($B38="","",VLOOKUP('4. Matriz'!$B38,'2. Gerenciamento'!$C$5:$U$54,18,FALSE))</f>
        <v/>
      </c>
      <c r="G38" s="76" t="str">
        <f>IF($B38="","",VLOOKUP($B38,'2. Gerenciamento'!$C$5:$AC$54,23,FALSE))</f>
        <v/>
      </c>
      <c r="H38" s="76" t="str">
        <f>IF($B38="","",VLOOKUP($B38,'2. Gerenciamento'!$C$5:$AC$54,24,FALSE))</f>
        <v/>
      </c>
    </row>
    <row r="39" spans="2:8" ht="61.5" customHeight="1">
      <c r="B39" s="70" t="str">
        <f>IF('5. Monitoramento'!B38="","",'5. Monitoramento'!B38)</f>
        <v/>
      </c>
      <c r="C39" s="66" t="str">
        <f>IF($B39="","",VLOOKUP('4. Matriz'!$B39,'2. Gerenciamento'!$C$5:$U$54,3,FALSE))</f>
        <v/>
      </c>
      <c r="D39" s="66" t="str">
        <f>IF($B39="","",VLOOKUP('4. Matriz'!$B39,'2. Gerenciamento'!$C$5:$U$54,4,FALSE))</f>
        <v/>
      </c>
      <c r="E39" s="66" t="str">
        <f>IF($B39="","",VLOOKUP('4. Matriz'!$B39,'2. Gerenciamento'!$C$5:$U$54,5,FALSE))</f>
        <v/>
      </c>
      <c r="F39" s="65" t="str">
        <f>IF($B39="","",VLOOKUP('4. Matriz'!$B39,'2. Gerenciamento'!$C$5:$U$54,18,FALSE))</f>
        <v/>
      </c>
      <c r="G39" s="76" t="str">
        <f>IF($B39="","",VLOOKUP($B39,'2. Gerenciamento'!$C$5:$AC$54,23,FALSE))</f>
        <v/>
      </c>
      <c r="H39" s="76" t="str">
        <f>IF($B39="","",VLOOKUP($B39,'2. Gerenciamento'!$C$5:$AC$54,24,FALSE))</f>
        <v/>
      </c>
    </row>
    <row r="40" spans="2:8" ht="61.5" customHeight="1">
      <c r="B40" s="70" t="str">
        <f>IF('5. Monitoramento'!B39="","",'5. Monitoramento'!B39)</f>
        <v/>
      </c>
      <c r="C40" s="66" t="str">
        <f>IF($B40="","",VLOOKUP('4. Matriz'!$B40,'2. Gerenciamento'!$C$5:$U$54,3,FALSE))</f>
        <v/>
      </c>
      <c r="D40" s="66" t="str">
        <f>IF($B40="","",VLOOKUP('4. Matriz'!$B40,'2. Gerenciamento'!$C$5:$U$54,4,FALSE))</f>
        <v/>
      </c>
      <c r="E40" s="66" t="str">
        <f>IF($B40="","",VLOOKUP('4. Matriz'!$B40,'2. Gerenciamento'!$C$5:$U$54,5,FALSE))</f>
        <v/>
      </c>
      <c r="F40" s="65" t="str">
        <f>IF($B40="","",VLOOKUP('4. Matriz'!$B40,'2. Gerenciamento'!$C$5:$U$54,18,FALSE))</f>
        <v/>
      </c>
      <c r="G40" s="76" t="str">
        <f>IF($B40="","",VLOOKUP($B40,'2. Gerenciamento'!$C$5:$AC$54,23,FALSE))</f>
        <v/>
      </c>
      <c r="H40" s="76" t="str">
        <f>IF($B40="","",VLOOKUP($B40,'2. Gerenciamento'!$C$5:$AC$54,24,FALSE))</f>
        <v/>
      </c>
    </row>
    <row r="41" spans="2:8" ht="61.5" customHeight="1">
      <c r="B41" s="70" t="str">
        <f>IF('5. Monitoramento'!B40="","",'5. Monitoramento'!B40)</f>
        <v/>
      </c>
      <c r="C41" s="66" t="str">
        <f>IF($B41="","",VLOOKUP('4. Matriz'!$B41,'2. Gerenciamento'!$C$5:$U$54,3,FALSE))</f>
        <v/>
      </c>
      <c r="D41" s="66" t="str">
        <f>IF($B41="","",VLOOKUP('4. Matriz'!$B41,'2. Gerenciamento'!$C$5:$U$54,4,FALSE))</f>
        <v/>
      </c>
      <c r="E41" s="66" t="str">
        <f>IF($B41="","",VLOOKUP('4. Matriz'!$B41,'2. Gerenciamento'!$C$5:$U$54,5,FALSE))</f>
        <v/>
      </c>
      <c r="F41" s="65" t="str">
        <f>IF($B41="","",VLOOKUP('4. Matriz'!$B41,'2. Gerenciamento'!$C$5:$U$54,18,FALSE))</f>
        <v/>
      </c>
      <c r="G41" s="76" t="str">
        <f>IF($B41="","",VLOOKUP($B41,'2. Gerenciamento'!$C$5:$AC$54,23,FALSE))</f>
        <v/>
      </c>
      <c r="H41" s="76" t="str">
        <f>IF($B41="","",VLOOKUP($B41,'2. Gerenciamento'!$C$5:$AC$54,24,FALSE))</f>
        <v/>
      </c>
    </row>
    <row r="42" spans="2:8" ht="61.5" customHeight="1">
      <c r="B42" s="70" t="str">
        <f>IF('5. Monitoramento'!B41="","",'5. Monitoramento'!B41)</f>
        <v/>
      </c>
      <c r="C42" s="66" t="str">
        <f>IF($B42="","",VLOOKUP('4. Matriz'!$B42,'2. Gerenciamento'!$C$5:$U$54,3,FALSE))</f>
        <v/>
      </c>
      <c r="D42" s="66" t="str">
        <f>IF($B42="","",VLOOKUP('4. Matriz'!$B42,'2. Gerenciamento'!$C$5:$U$54,4,FALSE))</f>
        <v/>
      </c>
      <c r="E42" s="66" t="str">
        <f>IF($B42="","",VLOOKUP('4. Matriz'!$B42,'2. Gerenciamento'!$C$5:$U$54,5,FALSE))</f>
        <v/>
      </c>
      <c r="F42" s="65" t="str">
        <f>IF($B42="","",VLOOKUP('4. Matriz'!$B42,'2. Gerenciamento'!$C$5:$U$54,18,FALSE))</f>
        <v/>
      </c>
      <c r="G42" s="76" t="str">
        <f>IF($B42="","",VLOOKUP($B42,'2. Gerenciamento'!$C$5:$AC$54,23,FALSE))</f>
        <v/>
      </c>
      <c r="H42" s="76" t="str">
        <f>IF($B42="","",VLOOKUP($B42,'2. Gerenciamento'!$C$5:$AC$54,24,FALSE))</f>
        <v/>
      </c>
    </row>
    <row r="43" spans="2:8" ht="61.5" customHeight="1">
      <c r="B43" s="70" t="str">
        <f>IF('5. Monitoramento'!B42="","",'5. Monitoramento'!B42)</f>
        <v/>
      </c>
      <c r="C43" s="66" t="str">
        <f>IF($B43="","",VLOOKUP('4. Matriz'!$B43,'2. Gerenciamento'!$C$5:$U$54,3,FALSE))</f>
        <v/>
      </c>
      <c r="D43" s="66" t="str">
        <f>IF($B43="","",VLOOKUP('4. Matriz'!$B43,'2. Gerenciamento'!$C$5:$U$54,4,FALSE))</f>
        <v/>
      </c>
      <c r="E43" s="66" t="str">
        <f>IF($B43="","",VLOOKUP('4. Matriz'!$B43,'2. Gerenciamento'!$C$5:$U$54,5,FALSE))</f>
        <v/>
      </c>
      <c r="F43" s="65" t="str">
        <f>IF($B43="","",VLOOKUP('4. Matriz'!$B43,'2. Gerenciamento'!$C$5:$U$54,18,FALSE))</f>
        <v/>
      </c>
      <c r="G43" s="76" t="str">
        <f>IF($B43="","",VLOOKUP($B43,'2. Gerenciamento'!$C$5:$AC$54,23,FALSE))</f>
        <v/>
      </c>
      <c r="H43" s="76" t="str">
        <f>IF($B43="","",VLOOKUP($B43,'2. Gerenciamento'!$C$5:$AC$54,24,FALSE))</f>
        <v/>
      </c>
    </row>
    <row r="44" spans="2:8" ht="61.5" customHeight="1">
      <c r="B44" s="70" t="str">
        <f>IF('5. Monitoramento'!B43="","",'5. Monitoramento'!B43)</f>
        <v/>
      </c>
      <c r="C44" s="66" t="str">
        <f>IF($B44="","",VLOOKUP('4. Matriz'!$B44,'2. Gerenciamento'!$C$5:$U$54,3,FALSE))</f>
        <v/>
      </c>
      <c r="D44" s="66" t="str">
        <f>IF($B44="","",VLOOKUP('4. Matriz'!$B44,'2. Gerenciamento'!$C$5:$U$54,4,FALSE))</f>
        <v/>
      </c>
      <c r="E44" s="66" t="str">
        <f>IF($B44="","",VLOOKUP('4. Matriz'!$B44,'2. Gerenciamento'!$C$5:$U$54,5,FALSE))</f>
        <v/>
      </c>
      <c r="F44" s="65" t="str">
        <f>IF($B44="","",VLOOKUP('4. Matriz'!$B44,'2. Gerenciamento'!$C$5:$U$54,18,FALSE))</f>
        <v/>
      </c>
      <c r="G44" s="76" t="str">
        <f>IF($B44="","",VLOOKUP($B44,'2. Gerenciamento'!$C$5:$AC$54,23,FALSE))</f>
        <v/>
      </c>
      <c r="H44" s="76" t="str">
        <f>IF($B44="","",VLOOKUP($B44,'2. Gerenciamento'!$C$5:$AC$54,24,FALSE))</f>
        <v/>
      </c>
    </row>
    <row r="45" spans="2:8" ht="61.5" customHeight="1">
      <c r="B45" s="70" t="str">
        <f>IF('5. Monitoramento'!B44="","",'5. Monitoramento'!B44)</f>
        <v/>
      </c>
      <c r="C45" s="66" t="str">
        <f>IF($B45="","",VLOOKUP('4. Matriz'!$B45,'2. Gerenciamento'!$C$5:$U$54,3,FALSE))</f>
        <v/>
      </c>
      <c r="D45" s="66" t="str">
        <f>IF($B45="","",VLOOKUP('4. Matriz'!$B45,'2. Gerenciamento'!$C$5:$U$54,4,FALSE))</f>
        <v/>
      </c>
      <c r="E45" s="66" t="str">
        <f>IF($B45="","",VLOOKUP('4. Matriz'!$B45,'2. Gerenciamento'!$C$5:$U$54,5,FALSE))</f>
        <v/>
      </c>
      <c r="F45" s="65" t="str">
        <f>IF($B45="","",VLOOKUP('4. Matriz'!$B45,'2. Gerenciamento'!$C$5:$U$54,18,FALSE))</f>
        <v/>
      </c>
      <c r="G45" s="76" t="str">
        <f>IF($B45="","",VLOOKUP($B45,'2. Gerenciamento'!$C$5:$AC$54,23,FALSE))</f>
        <v/>
      </c>
      <c r="H45" s="76" t="str">
        <f>IF($B45="","",VLOOKUP($B45,'2. Gerenciamento'!$C$5:$AC$54,24,FALSE))</f>
        <v/>
      </c>
    </row>
    <row r="46" spans="2:8" ht="61.5" customHeight="1">
      <c r="B46" s="70" t="str">
        <f>IF('5. Monitoramento'!B45="","",'5. Monitoramento'!B45)</f>
        <v/>
      </c>
      <c r="C46" s="66" t="str">
        <f>IF($B46="","",VLOOKUP('4. Matriz'!$B46,'2. Gerenciamento'!$C$5:$U$54,3,FALSE))</f>
        <v/>
      </c>
      <c r="D46" s="66" t="str">
        <f>IF($B46="","",VLOOKUP('4. Matriz'!$B46,'2. Gerenciamento'!$C$5:$U$54,4,FALSE))</f>
        <v/>
      </c>
      <c r="E46" s="66" t="str">
        <f>IF($B46="","",VLOOKUP('4. Matriz'!$B46,'2. Gerenciamento'!$C$5:$U$54,5,FALSE))</f>
        <v/>
      </c>
      <c r="F46" s="65" t="str">
        <f>IF($B46="","",VLOOKUP('4. Matriz'!$B46,'2. Gerenciamento'!$C$5:$U$54,18,FALSE))</f>
        <v/>
      </c>
      <c r="G46" s="76" t="str">
        <f>IF($B46="","",VLOOKUP($B46,'2. Gerenciamento'!$C$5:$AC$54,23,FALSE))</f>
        <v/>
      </c>
      <c r="H46" s="76" t="str">
        <f>IF($B46="","",VLOOKUP($B46,'2. Gerenciamento'!$C$5:$AC$54,24,FALSE))</f>
        <v/>
      </c>
    </row>
    <row r="47" spans="2:8" ht="61.5" customHeight="1">
      <c r="B47" s="70" t="str">
        <f>IF('5. Monitoramento'!B46="","",'5. Monitoramento'!B46)</f>
        <v/>
      </c>
      <c r="C47" s="66" t="str">
        <f>IF($B47="","",VLOOKUP('4. Matriz'!$B47,'2. Gerenciamento'!$C$5:$U$54,3,FALSE))</f>
        <v/>
      </c>
      <c r="D47" s="66" t="str">
        <f>IF($B47="","",VLOOKUP('4. Matriz'!$B47,'2. Gerenciamento'!$C$5:$U$54,4,FALSE))</f>
        <v/>
      </c>
      <c r="E47" s="66" t="str">
        <f>IF($B47="","",VLOOKUP('4. Matriz'!$B47,'2. Gerenciamento'!$C$5:$U$54,5,FALSE))</f>
        <v/>
      </c>
      <c r="F47" s="65" t="str">
        <f>IF($B47="","",VLOOKUP('4. Matriz'!$B47,'2. Gerenciamento'!$C$5:$U$54,18,FALSE))</f>
        <v/>
      </c>
      <c r="G47" s="76" t="str">
        <f>IF($B47="","",VLOOKUP($B47,'2. Gerenciamento'!$C$5:$AC$54,23,FALSE))</f>
        <v/>
      </c>
      <c r="H47" s="76" t="str">
        <f>IF($B47="","",VLOOKUP($B47,'2. Gerenciamento'!$C$5:$AC$54,24,FALSE))</f>
        <v/>
      </c>
    </row>
    <row r="48" spans="2:8" ht="61.5" customHeight="1">
      <c r="B48" s="70" t="str">
        <f>IF('5. Monitoramento'!B47="","",'5. Monitoramento'!B47)</f>
        <v/>
      </c>
      <c r="C48" s="66" t="str">
        <f>IF($B48="","",VLOOKUP('4. Matriz'!$B48,'2. Gerenciamento'!$C$5:$U$54,3,FALSE))</f>
        <v/>
      </c>
      <c r="D48" s="66" t="str">
        <f>IF($B48="","",VLOOKUP('4. Matriz'!$B48,'2. Gerenciamento'!$C$5:$U$54,4,FALSE))</f>
        <v/>
      </c>
      <c r="E48" s="66" t="str">
        <f>IF($B48="","",VLOOKUP('4. Matriz'!$B48,'2. Gerenciamento'!$C$5:$U$54,5,FALSE))</f>
        <v/>
      </c>
      <c r="F48" s="65" t="str">
        <f>IF($B48="","",VLOOKUP('4. Matriz'!$B48,'2. Gerenciamento'!$C$5:$U$54,18,FALSE))</f>
        <v/>
      </c>
      <c r="G48" s="76" t="str">
        <f>IF($B48="","",VLOOKUP($B48,'2. Gerenciamento'!$C$5:$AC$54,23,FALSE))</f>
        <v/>
      </c>
      <c r="H48" s="76" t="str">
        <f>IF($B48="","",VLOOKUP($B48,'2. Gerenciamento'!$C$5:$AC$54,24,FALSE))</f>
        <v/>
      </c>
    </row>
    <row r="49" spans="2:8" ht="61.5" customHeight="1">
      <c r="B49" s="70" t="str">
        <f>IF('5. Monitoramento'!B48="","",'5. Monitoramento'!B48)</f>
        <v/>
      </c>
      <c r="C49" s="66" t="str">
        <f>IF($B49="","",VLOOKUP('4. Matriz'!$B49,'2. Gerenciamento'!$C$5:$U$54,3,FALSE))</f>
        <v/>
      </c>
      <c r="D49" s="66" t="str">
        <f>IF($B49="","",VLOOKUP('4. Matriz'!$B49,'2. Gerenciamento'!$C$5:$U$54,4,FALSE))</f>
        <v/>
      </c>
      <c r="E49" s="66" t="str">
        <f>IF($B49="","",VLOOKUP('4. Matriz'!$B49,'2. Gerenciamento'!$C$5:$U$54,5,FALSE))</f>
        <v/>
      </c>
      <c r="F49" s="65" t="str">
        <f>IF($B49="","",VLOOKUP('4. Matriz'!$B49,'2. Gerenciamento'!$C$5:$U$54,18,FALSE))</f>
        <v/>
      </c>
      <c r="G49" s="76" t="str">
        <f>IF($B49="","",VLOOKUP($B49,'2. Gerenciamento'!$C$5:$AC$54,23,FALSE))</f>
        <v/>
      </c>
      <c r="H49" s="76" t="str">
        <f>IF($B49="","",VLOOKUP($B49,'2. Gerenciamento'!$C$5:$AC$54,24,FALSE))</f>
        <v/>
      </c>
    </row>
    <row r="50" spans="2:8" ht="61.5" customHeight="1">
      <c r="B50" s="70" t="str">
        <f>IF('5. Monitoramento'!B49="","",'5. Monitoramento'!B49)</f>
        <v/>
      </c>
      <c r="C50" s="66" t="str">
        <f>IF($B50="","",VLOOKUP('4. Matriz'!$B50,'2. Gerenciamento'!$C$5:$U$54,3,FALSE))</f>
        <v/>
      </c>
      <c r="D50" s="66" t="str">
        <f>IF($B50="","",VLOOKUP('4. Matriz'!$B50,'2. Gerenciamento'!$C$5:$U$54,4,FALSE))</f>
        <v/>
      </c>
      <c r="E50" s="66" t="str">
        <f>IF($B50="","",VLOOKUP('4. Matriz'!$B50,'2. Gerenciamento'!$C$5:$U$54,5,FALSE))</f>
        <v/>
      </c>
      <c r="F50" s="65" t="str">
        <f>IF($B50="","",VLOOKUP('4. Matriz'!$B50,'2. Gerenciamento'!$C$5:$U$54,18,FALSE))</f>
        <v/>
      </c>
      <c r="G50" s="76" t="str">
        <f>IF($B50="","",VLOOKUP($B50,'2. Gerenciamento'!$C$5:$AC$54,23,FALSE))</f>
        <v/>
      </c>
      <c r="H50" s="76" t="str">
        <f>IF($B50="","",VLOOKUP($B50,'2. Gerenciamento'!$C$5:$AC$54,24,FALSE))</f>
        <v/>
      </c>
    </row>
    <row r="51" spans="2:8" ht="61.5" customHeight="1">
      <c r="B51" s="70" t="str">
        <f>IF('5. Monitoramento'!B50="","",'5. Monitoramento'!B50)</f>
        <v/>
      </c>
      <c r="C51" s="66" t="str">
        <f>IF($B51="","",VLOOKUP('4. Matriz'!$B51,'2. Gerenciamento'!$C$5:$U$54,3,FALSE))</f>
        <v/>
      </c>
      <c r="D51" s="66" t="str">
        <f>IF($B51="","",VLOOKUP('4. Matriz'!$B51,'2. Gerenciamento'!$C$5:$U$54,4,FALSE))</f>
        <v/>
      </c>
      <c r="E51" s="66" t="str">
        <f>IF($B51="","",VLOOKUP('4. Matriz'!$B51,'2. Gerenciamento'!$C$5:$U$54,5,FALSE))</f>
        <v/>
      </c>
      <c r="F51" s="65" t="str">
        <f>IF($B51="","",VLOOKUP('4. Matriz'!$B51,'2. Gerenciamento'!$C$5:$U$54,18,FALSE))</f>
        <v/>
      </c>
      <c r="G51" s="76" t="str">
        <f>IF($B51="","",VLOOKUP($B51,'2. Gerenciamento'!$C$5:$AC$54,23,FALSE))</f>
        <v/>
      </c>
      <c r="H51" s="76" t="str">
        <f>IF($B51="","",VLOOKUP($B51,'2. Gerenciamento'!$C$5:$AC$54,24,FALSE))</f>
        <v/>
      </c>
    </row>
    <row r="52" spans="2:8" ht="61.5" customHeight="1">
      <c r="B52" s="70" t="str">
        <f>IF('5. Monitoramento'!B51="","",'5. Monitoramento'!B51)</f>
        <v/>
      </c>
      <c r="C52" s="66" t="str">
        <f>IF($B52="","",VLOOKUP('4. Matriz'!$B52,'2. Gerenciamento'!$C$5:$U$54,3,FALSE))</f>
        <v/>
      </c>
      <c r="D52" s="66" t="str">
        <f>IF($B52="","",VLOOKUP('4. Matriz'!$B52,'2. Gerenciamento'!$C$5:$U$54,4,FALSE))</f>
        <v/>
      </c>
      <c r="E52" s="66" t="str">
        <f>IF($B52="","",VLOOKUP('4. Matriz'!$B52,'2. Gerenciamento'!$C$5:$U$54,5,FALSE))</f>
        <v/>
      </c>
      <c r="F52" s="65" t="str">
        <f>IF($B52="","",VLOOKUP('4. Matriz'!$B52,'2. Gerenciamento'!$C$5:$U$54,18,FALSE))</f>
        <v/>
      </c>
      <c r="G52" s="76" t="str">
        <f>IF($B52="","",VLOOKUP($B52,'2. Gerenciamento'!$C$5:$AC$54,23,FALSE))</f>
        <v/>
      </c>
      <c r="H52" s="76" t="str">
        <f>IF($B52="","",VLOOKUP($B52,'2. Gerenciamento'!$C$5:$AC$54,24,FALSE))</f>
        <v/>
      </c>
    </row>
    <row r="53" spans="2:8" ht="61.5" customHeight="1">
      <c r="B53" s="70" t="str">
        <f>IF('5. Monitoramento'!B52="","",'5. Monitoramento'!B52)</f>
        <v/>
      </c>
      <c r="C53" s="66" t="str">
        <f>IF($B53="","",VLOOKUP('4. Matriz'!$B53,'2. Gerenciamento'!$C$5:$U$54,3,FALSE))</f>
        <v/>
      </c>
      <c r="D53" s="66" t="str">
        <f>IF($B53="","",VLOOKUP('4. Matriz'!$B53,'2. Gerenciamento'!$C$5:$U$54,4,FALSE))</f>
        <v/>
      </c>
      <c r="E53" s="66" t="str">
        <f>IF($B53="","",VLOOKUP('4. Matriz'!$B53,'2. Gerenciamento'!$C$5:$U$54,5,FALSE))</f>
        <v/>
      </c>
      <c r="F53" s="65" t="str">
        <f>IF($B53="","",VLOOKUP('4. Matriz'!$B53,'2. Gerenciamento'!$C$5:$U$54,18,FALSE))</f>
        <v/>
      </c>
      <c r="G53" s="76" t="str">
        <f>IF($B53="","",VLOOKUP($B53,'2. Gerenciamento'!$C$5:$AC$54,23,FALSE))</f>
        <v/>
      </c>
      <c r="H53" s="76" t="str">
        <f>IF($B53="","",VLOOKUP($B53,'2. Gerenciamento'!$C$5:$AC$54,24,FALSE))</f>
        <v/>
      </c>
    </row>
    <row r="54" spans="2:8" ht="61.5" customHeight="1">
      <c r="B54" s="70" t="str">
        <f>IF('5. Monitoramento'!B53="","",'5. Monitoramento'!B53)</f>
        <v/>
      </c>
      <c r="C54" s="66" t="str">
        <f>IF($B54="","",VLOOKUP('4. Matriz'!$B54,'2. Gerenciamento'!$C$5:$U$54,3,FALSE))</f>
        <v/>
      </c>
      <c r="D54" s="66" t="str">
        <f>IF($B54="","",VLOOKUP('4. Matriz'!$B54,'2. Gerenciamento'!$C$5:$U$54,4,FALSE))</f>
        <v/>
      </c>
      <c r="E54" s="66" t="str">
        <f>IF($B54="","",VLOOKUP('4. Matriz'!$B54,'2. Gerenciamento'!$C$5:$U$54,5,FALSE))</f>
        <v/>
      </c>
      <c r="F54" s="65" t="str">
        <f>IF($B54="","",VLOOKUP('4. Matriz'!$B54,'2. Gerenciamento'!$C$5:$U$54,18,FALSE))</f>
        <v/>
      </c>
      <c r="G54" s="76" t="str">
        <f>IF($B54="","",VLOOKUP($B54,'2. Gerenciamento'!$C$5:$AC$54,23,FALSE))</f>
        <v/>
      </c>
      <c r="H54" s="76" t="str">
        <f>IF($B54="","",VLOOKUP($B54,'2. Gerenciamento'!$C$5:$AC$54,24,FALSE))</f>
        <v/>
      </c>
    </row>
  </sheetData>
  <mergeCells count="6">
    <mergeCell ref="B2:H2"/>
    <mergeCell ref="B3:B4"/>
    <mergeCell ref="C3:E3"/>
    <mergeCell ref="F3:F4"/>
    <mergeCell ref="G3:G4"/>
    <mergeCell ref="H3:H4"/>
  </mergeCells>
  <conditionalFormatting sqref="F5:F54">
    <cfRule type="cellIs" dxfId="20" priority="1" operator="equal">
      <formula>"CRÍTICO"</formula>
    </cfRule>
  </conditionalFormatting>
  <conditionalFormatting sqref="F5:F54">
    <cfRule type="cellIs" dxfId="19" priority="2" operator="equal">
      <formula>"MUITO ALTO"</formula>
    </cfRule>
  </conditionalFormatting>
  <conditionalFormatting sqref="F5:F54">
    <cfRule type="cellIs" dxfId="18" priority="3" operator="equal">
      <formula>"ALTO"</formula>
    </cfRule>
  </conditionalFormatting>
  <conditionalFormatting sqref="F5:F54">
    <cfRule type="cellIs" dxfId="17" priority="4" operator="equal">
      <formula>"MÉDIO"</formula>
    </cfRule>
  </conditionalFormatting>
  <conditionalFormatting sqref="F5:F54">
    <cfRule type="cellIs" dxfId="16" priority="5" operator="equal">
      <formula>"BAIXO"</formula>
    </cfRule>
  </conditionalFormatting>
  <conditionalFormatting sqref="F5:F54">
    <cfRule type="cellIs" dxfId="15" priority="6" operator="equal">
      <formula>"MUITO BAIXO"</formula>
    </cfRule>
  </conditionalFormatting>
  <pageMargins left="0.511811024" right="0.511811024" top="0.78740157499999996" bottom="0.78740157499999996" header="0.31496062000000002" footer="0.3149606200000000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2. Gerenciamento'!$C$5:$C$54</xm:f>
          </x14:formula1>
          <xm:sqref>B5:B54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 tint="0.79998168889431442"/>
    <outlinePr summaryBelow="0" summaryRight="0"/>
    <pageSetUpPr fitToPage="1"/>
  </sheetPr>
  <dimension ref="A1:Q55"/>
  <sheetViews>
    <sheetView showGridLines="0" zoomScaleNormal="100" workbookViewId="0">
      <pane xSplit="9" topLeftCell="J1" activePane="topRight" state="frozen"/>
      <selection pane="topRight" activeCell="B4" sqref="B4"/>
    </sheetView>
  </sheetViews>
  <sheetFormatPr defaultColWidth="12.5703125" defaultRowHeight="12.75"/>
  <cols>
    <col min="1" max="1" width="3.42578125" style="15" customWidth="1"/>
    <col min="2" max="2" width="8.7109375" style="58" bestFit="1" customWidth="1"/>
    <col min="3" max="3" width="16.28515625" style="15" bestFit="1" customWidth="1"/>
    <col min="4" max="4" width="30.85546875" style="15" customWidth="1"/>
    <col min="5" max="5" width="24.5703125" style="15" customWidth="1"/>
    <col min="6" max="6" width="31.140625" style="15" customWidth="1"/>
    <col min="7" max="7" width="10" style="15" customWidth="1"/>
    <col min="8" max="8" width="11.140625" style="15" bestFit="1" customWidth="1"/>
    <col min="9" max="9" width="30.5703125" style="15" customWidth="1"/>
    <col min="10" max="10" width="14.5703125" style="15" customWidth="1"/>
    <col min="11" max="11" width="15.5703125" style="15" customWidth="1"/>
    <col min="12" max="13" width="12.85546875" style="15" bestFit="1" customWidth="1"/>
    <col min="14" max="14" width="14.7109375" style="15" bestFit="1" customWidth="1"/>
    <col min="15" max="15" width="58.28515625" style="15" customWidth="1"/>
    <col min="16" max="16" width="23.5703125" style="15" customWidth="1"/>
    <col min="17" max="16384" width="12.5703125" style="15"/>
  </cols>
  <sheetData>
    <row r="1" spans="1:17" s="21" customFormat="1">
      <c r="A1" s="18"/>
      <c r="E1" s="51"/>
      <c r="F1" s="50"/>
      <c r="G1" s="19"/>
      <c r="H1" s="19"/>
      <c r="I1" s="20"/>
    </row>
    <row r="2" spans="1:17" s="21" customFormat="1">
      <c r="A2" s="22"/>
      <c r="B2" s="248" t="s">
        <v>97</v>
      </c>
      <c r="C2" s="249"/>
      <c r="D2" s="249"/>
      <c r="E2" s="249"/>
      <c r="F2" s="249"/>
      <c r="G2" s="249"/>
      <c r="H2" s="249"/>
      <c r="I2" s="249"/>
      <c r="J2" s="249"/>
      <c r="K2" s="249"/>
      <c r="L2" s="249"/>
      <c r="M2" s="249"/>
      <c r="N2" s="249"/>
      <c r="O2" s="249"/>
      <c r="P2" s="250"/>
      <c r="Q2" s="23"/>
    </row>
    <row r="3" spans="1:17" s="21" customFormat="1" ht="38.25">
      <c r="A3" s="22"/>
      <c r="B3" s="205" t="s">
        <v>142</v>
      </c>
      <c r="C3" s="1" t="s">
        <v>0</v>
      </c>
      <c r="D3" s="1" t="s">
        <v>104</v>
      </c>
      <c r="E3" s="1" t="s">
        <v>9</v>
      </c>
      <c r="F3" s="1" t="s">
        <v>67</v>
      </c>
      <c r="G3" s="1" t="s">
        <v>12</v>
      </c>
      <c r="H3" s="78" t="s">
        <v>87</v>
      </c>
      <c r="I3" s="1" t="s">
        <v>88</v>
      </c>
      <c r="J3" s="1" t="s">
        <v>89</v>
      </c>
      <c r="K3" s="1" t="s">
        <v>90</v>
      </c>
      <c r="L3" s="1" t="s">
        <v>91</v>
      </c>
      <c r="M3" s="1" t="s">
        <v>92</v>
      </c>
      <c r="N3" s="1" t="s">
        <v>111</v>
      </c>
      <c r="O3" s="1" t="s">
        <v>112</v>
      </c>
      <c r="P3" s="1" t="s">
        <v>113</v>
      </c>
    </row>
    <row r="4" spans="1:17">
      <c r="A4" s="2"/>
      <c r="B4" s="56"/>
      <c r="C4" s="59" t="str">
        <f>IF($B4="","",VLOOKUP($B4,'2. Gerenciamento'!$C:$H,2,0))</f>
        <v/>
      </c>
      <c r="D4" s="59" t="str">
        <f>IF($B4="","",VLOOKUP($B4,'2. Gerenciamento'!$C:$H,3,0))</f>
        <v/>
      </c>
      <c r="E4" s="59" t="str">
        <f>IF($B4="","",VLOOKUP($B4,'2. Gerenciamento'!$C:$H,4,0))</f>
        <v/>
      </c>
      <c r="F4" s="59" t="str">
        <f>IF($B4="","",VLOOKUP($B4,'2. Gerenciamento'!$C:$H,5,0))</f>
        <v/>
      </c>
      <c r="G4" s="59" t="str">
        <f>IF(B4="","",VLOOKUP(B4,'2. Gerenciamento'!C:AC,18,0))</f>
        <v/>
      </c>
      <c r="H4" s="74" t="str">
        <f>IF(B4="","",VLOOKUP(B4,'2. Gerenciamento'!C:AC,21,0))</f>
        <v/>
      </c>
      <c r="I4" s="73" t="str">
        <f>IF($B4="","",VLOOKUP($B4,'2. Gerenciamento'!$C:$AC,23,0))</f>
        <v/>
      </c>
      <c r="J4" s="73" t="str">
        <f>IF($B4="","",VLOOKUP($B4,'2. Gerenciamento'!$C:$AC,24,0))</f>
        <v/>
      </c>
      <c r="K4" s="73" t="str">
        <f>IF($B4="","",VLOOKUP($B4,'2. Gerenciamento'!$C:$AC,25,0))</f>
        <v/>
      </c>
      <c r="L4" s="77" t="str">
        <f>IF($B4="","",VLOOKUP($B4,'2. Gerenciamento'!$C:$AC,26,0))</f>
        <v/>
      </c>
      <c r="M4" s="77" t="str">
        <f>IF($B4="","",VLOOKUP($B4,'2. Gerenciamento'!$C:$AC,27,0))</f>
        <v/>
      </c>
      <c r="N4" s="17"/>
      <c r="O4" s="16"/>
      <c r="P4" s="16"/>
    </row>
    <row r="5" spans="1:17">
      <c r="A5" s="2"/>
      <c r="B5" s="56"/>
      <c r="C5" s="59" t="str">
        <f>IF($B5="","",VLOOKUP($B5,'2. Gerenciamento'!$C:$H,2,0))</f>
        <v/>
      </c>
      <c r="D5" s="59" t="str">
        <f>IF($B5="","",VLOOKUP($B5,'2. Gerenciamento'!$C:$H,3,0))</f>
        <v/>
      </c>
      <c r="E5" s="59" t="str">
        <f>IF($B5="","",VLOOKUP($B5,'2. Gerenciamento'!$C:$H,4,0))</f>
        <v/>
      </c>
      <c r="F5" s="59" t="str">
        <f>IF($B5="","",VLOOKUP($B5,'2. Gerenciamento'!$C:$H,5,0))</f>
        <v/>
      </c>
      <c r="G5" s="59" t="str">
        <f>IF(B5="","",VLOOKUP(B5,'2. Gerenciamento'!C:T,18,0))</f>
        <v/>
      </c>
      <c r="H5" s="74" t="str">
        <f>IF(B5="","",VLOOKUP(B5,'2. Gerenciamento'!C:AC,21,0))</f>
        <v/>
      </c>
      <c r="I5" s="73" t="str">
        <f>IF($B5="","",VLOOKUP($B5,'2. Gerenciamento'!$C:$AC,23,0))</f>
        <v/>
      </c>
      <c r="J5" s="73" t="str">
        <f>IF($B5="","",VLOOKUP($B5,'2. Gerenciamento'!$C:$AC,24,0))</f>
        <v/>
      </c>
      <c r="K5" s="73" t="str">
        <f>IF($B5="","",VLOOKUP($B5,'2. Gerenciamento'!$C:$AC,25,0))</f>
        <v/>
      </c>
      <c r="L5" s="77" t="str">
        <f>IF($B5="","",VLOOKUP($B5,'2. Gerenciamento'!$C:$AC,26,0))</f>
        <v/>
      </c>
      <c r="M5" s="77" t="str">
        <f>IF($B5="","",VLOOKUP($B5,'2. Gerenciamento'!$C:$AC,27,0))</f>
        <v/>
      </c>
      <c r="N5" s="16"/>
      <c r="O5" s="16"/>
      <c r="P5" s="16"/>
    </row>
    <row r="6" spans="1:17">
      <c r="A6" s="2"/>
      <c r="B6" s="56"/>
      <c r="C6" s="59" t="str">
        <f>IF($B6="","",VLOOKUP($B6,'2. Gerenciamento'!$C:$H,2,0))</f>
        <v/>
      </c>
      <c r="D6" s="59" t="str">
        <f>IF($B6="","",VLOOKUP($B6,'2. Gerenciamento'!$C:$H,3,0))</f>
        <v/>
      </c>
      <c r="E6" s="59" t="str">
        <f>IF($B6="","",VLOOKUP($B6,'2. Gerenciamento'!$C:$H,4,0))</f>
        <v/>
      </c>
      <c r="F6" s="59" t="str">
        <f>IF($B6="","",VLOOKUP($B6,'2. Gerenciamento'!$C:$H,5,0))</f>
        <v/>
      </c>
      <c r="G6" s="59" t="str">
        <f>IF(B6="","",VLOOKUP(B6,'2. Gerenciamento'!C:T,18,0))</f>
        <v/>
      </c>
      <c r="H6" s="74" t="str">
        <f>IF(B6="","",VLOOKUP(B6,'2. Gerenciamento'!C:AC,21,0))</f>
        <v/>
      </c>
      <c r="I6" s="73" t="str">
        <f>IF($B6="","",VLOOKUP($B6,'2. Gerenciamento'!$C:$AC,23,0))</f>
        <v/>
      </c>
      <c r="J6" s="73" t="str">
        <f>IF($B6="","",VLOOKUP($B6,'2. Gerenciamento'!$C:$AC,24,0))</f>
        <v/>
      </c>
      <c r="K6" s="73" t="str">
        <f>IF($B6="","",VLOOKUP($B6,'2. Gerenciamento'!$C:$AC,25,0))</f>
        <v/>
      </c>
      <c r="L6" s="77" t="str">
        <f>IF($B6="","",VLOOKUP($B6,'2. Gerenciamento'!$C:$AC,26,0))</f>
        <v/>
      </c>
      <c r="M6" s="77" t="str">
        <f>IF($B6="","",VLOOKUP($B6,'2. Gerenciamento'!$C:$AC,27,0))</f>
        <v/>
      </c>
      <c r="N6" s="17"/>
      <c r="O6" s="16"/>
      <c r="P6" s="16"/>
    </row>
    <row r="7" spans="1:17">
      <c r="A7" s="2"/>
      <c r="B7" s="56"/>
      <c r="C7" s="59" t="str">
        <f>IF($B7="","",VLOOKUP($B7,'2. Gerenciamento'!$C:$H,2,0))</f>
        <v/>
      </c>
      <c r="D7" s="59" t="str">
        <f>IF($B7="","",VLOOKUP($B7,'2. Gerenciamento'!$C:$H,3,0))</f>
        <v/>
      </c>
      <c r="E7" s="59" t="str">
        <f>IF($B7="","",VLOOKUP($B7,'2. Gerenciamento'!$C:$H,4,0))</f>
        <v/>
      </c>
      <c r="F7" s="59" t="str">
        <f>IF($B7="","",VLOOKUP($B7,'2. Gerenciamento'!$C:$H,5,0))</f>
        <v/>
      </c>
      <c r="G7" s="59" t="str">
        <f>IF(B7="","",VLOOKUP(B7,'2. Gerenciamento'!C:T,18,0))</f>
        <v/>
      </c>
      <c r="H7" s="74" t="str">
        <f>IF(B7="","",VLOOKUP(B7,'2. Gerenciamento'!C:AC,21,0))</f>
        <v/>
      </c>
      <c r="I7" s="73" t="str">
        <f>IF($B7="","",VLOOKUP($B7,'2. Gerenciamento'!$C:$AC,23,0))</f>
        <v/>
      </c>
      <c r="J7" s="73" t="str">
        <f>IF($B7="","",VLOOKUP($B7,'2. Gerenciamento'!$C:$AC,24,0))</f>
        <v/>
      </c>
      <c r="K7" s="73" t="str">
        <f>IF($B7="","",VLOOKUP($B7,'2. Gerenciamento'!$C:$AC,25,0))</f>
        <v/>
      </c>
      <c r="L7" s="77" t="str">
        <f>IF($B7="","",VLOOKUP($B7,'2. Gerenciamento'!$C:$AC,26,0))</f>
        <v/>
      </c>
      <c r="M7" s="77" t="str">
        <f>IF($B7="","",VLOOKUP($B7,'2. Gerenciamento'!$C:$AC,27,0))</f>
        <v/>
      </c>
      <c r="N7" s="17"/>
      <c r="O7" s="16"/>
      <c r="P7" s="16"/>
    </row>
    <row r="8" spans="1:17">
      <c r="A8" s="2"/>
      <c r="B8" s="56"/>
      <c r="C8" s="59" t="str">
        <f>IF($B8="","",VLOOKUP($B8,'2. Gerenciamento'!$C:$H,2,0))</f>
        <v/>
      </c>
      <c r="D8" s="59" t="str">
        <f>IF($B8="","",VLOOKUP($B8,'2. Gerenciamento'!$C:$H,3,0))</f>
        <v/>
      </c>
      <c r="E8" s="59" t="str">
        <f>IF($B8="","",VLOOKUP($B8,'2. Gerenciamento'!$C:$H,4,0))</f>
        <v/>
      </c>
      <c r="F8" s="59" t="str">
        <f>IF($B8="","",VLOOKUP($B8,'2. Gerenciamento'!$C:$H,5,0))</f>
        <v/>
      </c>
      <c r="G8" s="59" t="str">
        <f>IF(B8="","",VLOOKUP(B8,'2. Gerenciamento'!C:T,18,0))</f>
        <v/>
      </c>
      <c r="H8" s="74" t="str">
        <f>IF(B8="","",VLOOKUP(B8,'2. Gerenciamento'!C:AC,21,0))</f>
        <v/>
      </c>
      <c r="I8" s="73" t="str">
        <f>IF($B8="","",VLOOKUP($B8,'2. Gerenciamento'!$C:$AC,23,0))</f>
        <v/>
      </c>
      <c r="J8" s="73" t="str">
        <f>IF($B8="","",VLOOKUP($B8,'2. Gerenciamento'!$C:$AC,24,0))</f>
        <v/>
      </c>
      <c r="K8" s="73" t="str">
        <f>IF($B8="","",VLOOKUP($B8,'2. Gerenciamento'!$C:$AC,25,0))</f>
        <v/>
      </c>
      <c r="L8" s="77" t="str">
        <f>IF($B8="","",VLOOKUP($B8,'2. Gerenciamento'!$C:$AC,26,0))</f>
        <v/>
      </c>
      <c r="M8" s="77" t="str">
        <f>IF($B8="","",VLOOKUP($B8,'2. Gerenciamento'!$C:$AC,27,0))</f>
        <v/>
      </c>
      <c r="N8" s="17"/>
      <c r="O8" s="16"/>
      <c r="P8" s="16"/>
    </row>
    <row r="9" spans="1:17">
      <c r="A9" s="2"/>
      <c r="B9" s="56"/>
      <c r="C9" s="59" t="str">
        <f>IF($B9="","",VLOOKUP($B9,'2. Gerenciamento'!$C:$H,2,0))</f>
        <v/>
      </c>
      <c r="D9" s="59" t="str">
        <f>IF($B9="","",VLOOKUP($B9,'2. Gerenciamento'!$C:$H,3,0))</f>
        <v/>
      </c>
      <c r="E9" s="59" t="str">
        <f>IF($B9="","",VLOOKUP($B9,'2. Gerenciamento'!$C:$H,4,0))</f>
        <v/>
      </c>
      <c r="F9" s="59" t="str">
        <f>IF($B9="","",VLOOKUP($B9,'2. Gerenciamento'!$C:$H,5,0))</f>
        <v/>
      </c>
      <c r="G9" s="59" t="str">
        <f>IF(B9="","",VLOOKUP(B9,'2. Gerenciamento'!C:T,18,0))</f>
        <v/>
      </c>
      <c r="H9" s="74" t="str">
        <f>IF(B9="","",VLOOKUP(B9,'2. Gerenciamento'!C:AC,21,0))</f>
        <v/>
      </c>
      <c r="I9" s="73" t="str">
        <f>IF($B9="","",VLOOKUP($B9,'2. Gerenciamento'!$C:$AC,23,0))</f>
        <v/>
      </c>
      <c r="J9" s="73" t="str">
        <f>IF($B9="","",VLOOKUP($B9,'2. Gerenciamento'!$C:$AC,24,0))</f>
        <v/>
      </c>
      <c r="K9" s="73" t="str">
        <f>IF($B9="","",VLOOKUP($B9,'2. Gerenciamento'!$C:$AC,25,0))</f>
        <v/>
      </c>
      <c r="L9" s="77" t="str">
        <f>IF($B9="","",VLOOKUP($B9,'2. Gerenciamento'!$C:$AC,26,0))</f>
        <v/>
      </c>
      <c r="M9" s="77" t="str">
        <f>IF($B9="","",VLOOKUP($B9,'2. Gerenciamento'!$C:$AC,27,0))</f>
        <v/>
      </c>
      <c r="N9" s="17"/>
      <c r="O9" s="16"/>
      <c r="P9" s="16"/>
    </row>
    <row r="10" spans="1:17">
      <c r="A10" s="2"/>
      <c r="B10" s="56"/>
      <c r="C10" s="59" t="str">
        <f>IF($B10="","",VLOOKUP($B10,'2. Gerenciamento'!$C:$H,2,0))</f>
        <v/>
      </c>
      <c r="D10" s="59" t="str">
        <f>IF($B10="","",VLOOKUP($B10,'2. Gerenciamento'!$C:$H,3,0))</f>
        <v/>
      </c>
      <c r="E10" s="59" t="str">
        <f>IF($B10="","",VLOOKUP($B10,'2. Gerenciamento'!$C:$H,4,0))</f>
        <v/>
      </c>
      <c r="F10" s="59" t="str">
        <f>IF($B10="","",VLOOKUP($B10,'2. Gerenciamento'!$C:$H,5,0))</f>
        <v/>
      </c>
      <c r="G10" s="59" t="str">
        <f>IF(B10="","",VLOOKUP(B10,'2. Gerenciamento'!C:T,18,0))</f>
        <v/>
      </c>
      <c r="H10" s="74" t="str">
        <f>IF(B10="","",VLOOKUP(B10,'2. Gerenciamento'!C:AC,21,0))</f>
        <v/>
      </c>
      <c r="I10" s="73" t="str">
        <f>IF($B10="","",VLOOKUP($B10,'2. Gerenciamento'!$C:$AC,23,0))</f>
        <v/>
      </c>
      <c r="J10" s="73" t="str">
        <f>IF($B10="","",VLOOKUP($B10,'2. Gerenciamento'!$C:$AC,24,0))</f>
        <v/>
      </c>
      <c r="K10" s="73" t="str">
        <f>IF($B10="","",VLOOKUP($B10,'2. Gerenciamento'!$C:$AC,25,0))</f>
        <v/>
      </c>
      <c r="L10" s="77" t="str">
        <f>IF($B10="","",VLOOKUP($B10,'2. Gerenciamento'!$C:$AC,26,0))</f>
        <v/>
      </c>
      <c r="M10" s="77" t="str">
        <f>IF($B10="","",VLOOKUP($B10,'2. Gerenciamento'!$C:$AC,27,0))</f>
        <v/>
      </c>
      <c r="N10" s="17"/>
      <c r="O10" s="16"/>
      <c r="P10" s="16"/>
    </row>
    <row r="11" spans="1:17">
      <c r="A11" s="2"/>
      <c r="B11" s="56"/>
      <c r="C11" s="59" t="str">
        <f>IF($B11="","",VLOOKUP($B11,'2. Gerenciamento'!$C:$H,2,0))</f>
        <v/>
      </c>
      <c r="D11" s="59" t="str">
        <f>IF($B11="","",VLOOKUP($B11,'2. Gerenciamento'!$C:$H,3,0))</f>
        <v/>
      </c>
      <c r="E11" s="59" t="str">
        <f>IF($B11="","",VLOOKUP($B11,'2. Gerenciamento'!$C:$H,4,0))</f>
        <v/>
      </c>
      <c r="F11" s="59" t="str">
        <f>IF($B11="","",VLOOKUP($B11,'2. Gerenciamento'!$C:$H,5,0))</f>
        <v/>
      </c>
      <c r="G11" s="59" t="str">
        <f>IF(B11="","",VLOOKUP(B11,'2. Gerenciamento'!C:T,18,0))</f>
        <v/>
      </c>
      <c r="H11" s="74" t="str">
        <f>IF(B11="","",VLOOKUP(B11,'2. Gerenciamento'!C:AC,21,0))</f>
        <v/>
      </c>
      <c r="I11" s="73" t="str">
        <f>IF($B11="","",VLOOKUP($B11,'2. Gerenciamento'!$C:$AC,23,0))</f>
        <v/>
      </c>
      <c r="J11" s="73" t="str">
        <f>IF($B11="","",VLOOKUP($B11,'2. Gerenciamento'!$C:$AC,24,0))</f>
        <v/>
      </c>
      <c r="K11" s="73" t="str">
        <f>IF($B11="","",VLOOKUP($B11,'2. Gerenciamento'!$C:$AC,25,0))</f>
        <v/>
      </c>
      <c r="L11" s="77" t="str">
        <f>IF($B11="","",VLOOKUP($B11,'2. Gerenciamento'!$C:$AC,26,0))</f>
        <v/>
      </c>
      <c r="M11" s="77" t="str">
        <f>IF($B11="","",VLOOKUP($B11,'2. Gerenciamento'!$C:$AC,27,0))</f>
        <v/>
      </c>
      <c r="N11" s="17"/>
      <c r="O11" s="16"/>
      <c r="P11" s="16"/>
    </row>
    <row r="12" spans="1:17">
      <c r="A12" s="2"/>
      <c r="B12" s="56"/>
      <c r="C12" s="59" t="str">
        <f>IF($B12="","",VLOOKUP($B12,'2. Gerenciamento'!$C:$H,2,0))</f>
        <v/>
      </c>
      <c r="D12" s="59" t="str">
        <f>IF($B12="","",VLOOKUP($B12,'2. Gerenciamento'!$C:$H,3,0))</f>
        <v/>
      </c>
      <c r="E12" s="59" t="str">
        <f>IF($B12="","",VLOOKUP($B12,'2. Gerenciamento'!$C:$H,4,0))</f>
        <v/>
      </c>
      <c r="F12" s="59" t="str">
        <f>IF($B12="","",VLOOKUP($B12,'2. Gerenciamento'!$C:$H,5,0))</f>
        <v/>
      </c>
      <c r="G12" s="59" t="str">
        <f>IF(B12="","",VLOOKUP(B12,'2. Gerenciamento'!C:T,18,0))</f>
        <v/>
      </c>
      <c r="H12" s="74" t="str">
        <f>IF(B12="","",VLOOKUP(B12,'2. Gerenciamento'!C:AC,21,0))</f>
        <v/>
      </c>
      <c r="I12" s="73" t="str">
        <f>IF($B12="","",VLOOKUP($B12,'2. Gerenciamento'!$C:$AC,23,0))</f>
        <v/>
      </c>
      <c r="J12" s="73" t="str">
        <f>IF($B12="","",VLOOKUP($B12,'2. Gerenciamento'!$C:$AC,24,0))</f>
        <v/>
      </c>
      <c r="K12" s="73" t="str">
        <f>IF($B12="","",VLOOKUP($B12,'2. Gerenciamento'!$C:$AC,25,0))</f>
        <v/>
      </c>
      <c r="L12" s="77" t="str">
        <f>IF($B12="","",VLOOKUP($B12,'2. Gerenciamento'!$C:$AC,26,0))</f>
        <v/>
      </c>
      <c r="M12" s="77" t="str">
        <f>IF($B12="","",VLOOKUP($B12,'2. Gerenciamento'!$C:$AC,27,0))</f>
        <v/>
      </c>
      <c r="N12" s="17"/>
      <c r="O12" s="16"/>
      <c r="P12" s="16"/>
    </row>
    <row r="13" spans="1:17">
      <c r="A13" s="2"/>
      <c r="B13" s="56"/>
      <c r="C13" s="59" t="str">
        <f>IF($B13="","",VLOOKUP($B13,'2. Gerenciamento'!$C:$H,2,0))</f>
        <v/>
      </c>
      <c r="D13" s="59" t="str">
        <f>IF($B13="","",VLOOKUP($B13,'2. Gerenciamento'!$C:$H,3,0))</f>
        <v/>
      </c>
      <c r="E13" s="59" t="str">
        <f>IF($B13="","",VLOOKUP($B13,'2. Gerenciamento'!$C:$H,4,0))</f>
        <v/>
      </c>
      <c r="F13" s="59" t="str">
        <f>IF($B13="","",VLOOKUP($B13,'2. Gerenciamento'!$C:$H,5,0))</f>
        <v/>
      </c>
      <c r="G13" s="59" t="str">
        <f>IF(B13="","",VLOOKUP(B13,'2. Gerenciamento'!C:T,18,0))</f>
        <v/>
      </c>
      <c r="H13" s="74" t="str">
        <f>IF(B13="","",VLOOKUP(B13,'2. Gerenciamento'!C:AC,21,0))</f>
        <v/>
      </c>
      <c r="I13" s="73" t="str">
        <f>IF($B13="","",VLOOKUP($B13,'2. Gerenciamento'!$C:$AC,23,0))</f>
        <v/>
      </c>
      <c r="J13" s="73" t="str">
        <f>IF($B13="","",VLOOKUP($B13,'2. Gerenciamento'!$C:$AC,24,0))</f>
        <v/>
      </c>
      <c r="K13" s="73" t="str">
        <f>IF($B13="","",VLOOKUP($B13,'2. Gerenciamento'!$C:$AC,25,0))</f>
        <v/>
      </c>
      <c r="L13" s="77" t="str">
        <f>IF($B13="","",VLOOKUP($B13,'2. Gerenciamento'!$C:$AC,26,0))</f>
        <v/>
      </c>
      <c r="M13" s="77" t="str">
        <f>IF($B13="","",VLOOKUP($B13,'2. Gerenciamento'!$C:$AC,27,0))</f>
        <v/>
      </c>
      <c r="N13" s="17"/>
      <c r="O13" s="16"/>
      <c r="P13" s="16"/>
    </row>
    <row r="14" spans="1:17">
      <c r="A14" s="2"/>
      <c r="B14" s="56"/>
      <c r="C14" s="59" t="str">
        <f>IF($B14="","",VLOOKUP($B14,'2. Gerenciamento'!$C:$H,2,0))</f>
        <v/>
      </c>
      <c r="D14" s="59" t="str">
        <f>IF($B14="","",VLOOKUP($B14,'2. Gerenciamento'!$C:$H,3,0))</f>
        <v/>
      </c>
      <c r="E14" s="59" t="str">
        <f>IF($B14="","",VLOOKUP($B14,'2. Gerenciamento'!$C:$H,4,0))</f>
        <v/>
      </c>
      <c r="F14" s="59" t="str">
        <f>IF($B14="","",VLOOKUP($B14,'2. Gerenciamento'!$C:$H,5,0))</f>
        <v/>
      </c>
      <c r="G14" s="59" t="str">
        <f>IF(B14="","",VLOOKUP(B14,'2. Gerenciamento'!C:T,18,0))</f>
        <v/>
      </c>
      <c r="H14" s="74" t="str">
        <f>IF(B14="","",VLOOKUP(B14,'2. Gerenciamento'!C:AC,21,0))</f>
        <v/>
      </c>
      <c r="I14" s="73" t="str">
        <f>IF($B14="","",VLOOKUP($B14,'2. Gerenciamento'!$C:$AC,23,0))</f>
        <v/>
      </c>
      <c r="J14" s="73" t="str">
        <f>IF($B14="","",VLOOKUP($B14,'2. Gerenciamento'!$C:$AC,24,0))</f>
        <v/>
      </c>
      <c r="K14" s="73" t="str">
        <f>IF($B14="","",VLOOKUP($B14,'2. Gerenciamento'!$C:$AC,25,0))</f>
        <v/>
      </c>
      <c r="L14" s="77" t="str">
        <f>IF($B14="","",VLOOKUP($B14,'2. Gerenciamento'!$C:$AC,26,0))</f>
        <v/>
      </c>
      <c r="M14" s="77" t="str">
        <f>IF($B14="","",VLOOKUP($B14,'2. Gerenciamento'!$C:$AC,27,0))</f>
        <v/>
      </c>
      <c r="N14" s="17"/>
      <c r="O14" s="16"/>
      <c r="P14" s="16"/>
    </row>
    <row r="15" spans="1:17">
      <c r="A15" s="2"/>
      <c r="B15" s="56"/>
      <c r="C15" s="59" t="str">
        <f>IF($B15="","",VLOOKUP($B15,'2. Gerenciamento'!$C:$H,2,0))</f>
        <v/>
      </c>
      <c r="D15" s="59" t="str">
        <f>IF($B15="","",VLOOKUP($B15,'2. Gerenciamento'!$C:$H,3,0))</f>
        <v/>
      </c>
      <c r="E15" s="59" t="str">
        <f>IF($B15="","",VLOOKUP($B15,'2. Gerenciamento'!$C:$H,4,0))</f>
        <v/>
      </c>
      <c r="F15" s="59" t="str">
        <f>IF($B15="","",VLOOKUP($B15,'2. Gerenciamento'!$C:$H,5,0))</f>
        <v/>
      </c>
      <c r="G15" s="59" t="str">
        <f>IF(B15="","",VLOOKUP(B15,'2. Gerenciamento'!C:T,18,0))</f>
        <v/>
      </c>
      <c r="H15" s="74" t="str">
        <f>IF(B15="","",VLOOKUP(B15,'2. Gerenciamento'!C:AC,21,0))</f>
        <v/>
      </c>
      <c r="I15" s="73" t="str">
        <f>IF($B15="","",VLOOKUP($B15,'2. Gerenciamento'!$C:$AC,23,0))</f>
        <v/>
      </c>
      <c r="J15" s="73" t="str">
        <f>IF($B15="","",VLOOKUP($B15,'2. Gerenciamento'!$C:$AC,24,0))</f>
        <v/>
      </c>
      <c r="K15" s="73" t="str">
        <f>IF($B15="","",VLOOKUP($B15,'2. Gerenciamento'!$C:$AC,25,0))</f>
        <v/>
      </c>
      <c r="L15" s="77" t="str">
        <f>IF($B15="","",VLOOKUP($B15,'2. Gerenciamento'!$C:$AC,26,0))</f>
        <v/>
      </c>
      <c r="M15" s="77" t="str">
        <f>IF($B15="","",VLOOKUP($B15,'2. Gerenciamento'!$C:$AC,27,0))</f>
        <v/>
      </c>
      <c r="N15" s="17"/>
      <c r="O15" s="16"/>
      <c r="P15" s="16"/>
    </row>
    <row r="16" spans="1:17">
      <c r="A16" s="2"/>
      <c r="B16" s="56"/>
      <c r="C16" s="59" t="str">
        <f>IF($B16="","",VLOOKUP($B16,'2. Gerenciamento'!$C:$H,2,0))</f>
        <v/>
      </c>
      <c r="D16" s="59" t="str">
        <f>IF($B16="","",VLOOKUP($B16,'2. Gerenciamento'!$C:$H,3,0))</f>
        <v/>
      </c>
      <c r="E16" s="59" t="str">
        <f>IF($B16="","",VLOOKUP($B16,'2. Gerenciamento'!$C:$H,4,0))</f>
        <v/>
      </c>
      <c r="F16" s="59" t="str">
        <f>IF($B16="","",VLOOKUP($B16,'2. Gerenciamento'!$C:$H,5,0))</f>
        <v/>
      </c>
      <c r="G16" s="59" t="str">
        <f>IF(B16="","",VLOOKUP(B16,'2. Gerenciamento'!C:T,18,0))</f>
        <v/>
      </c>
      <c r="H16" s="74" t="str">
        <f>IF(B16="","",VLOOKUP(B16,'2. Gerenciamento'!C:AC,21,0))</f>
        <v/>
      </c>
      <c r="I16" s="73" t="str">
        <f>IF($B16="","",VLOOKUP($B16,'2. Gerenciamento'!$C:$AC,23,0))</f>
        <v/>
      </c>
      <c r="J16" s="73" t="str">
        <f>IF($B16="","",VLOOKUP($B16,'2. Gerenciamento'!$C:$AC,24,0))</f>
        <v/>
      </c>
      <c r="K16" s="73" t="str">
        <f>IF($B16="","",VLOOKUP($B16,'2. Gerenciamento'!$C:$AC,25,0))</f>
        <v/>
      </c>
      <c r="L16" s="77" t="str">
        <f>IF($B16="","",VLOOKUP($B16,'2. Gerenciamento'!$C:$AC,26,0))</f>
        <v/>
      </c>
      <c r="M16" s="77" t="str">
        <f>IF($B16="","",VLOOKUP($B16,'2. Gerenciamento'!$C:$AC,27,0))</f>
        <v/>
      </c>
      <c r="N16" s="17"/>
      <c r="O16" s="16"/>
      <c r="P16" s="16"/>
    </row>
    <row r="17" spans="1:16">
      <c r="A17" s="2"/>
      <c r="B17" s="56"/>
      <c r="C17" s="59" t="str">
        <f>IF($B17="","",VLOOKUP($B17,'2. Gerenciamento'!$C:$H,2,0))</f>
        <v/>
      </c>
      <c r="D17" s="59" t="str">
        <f>IF($B17="","",VLOOKUP($B17,'2. Gerenciamento'!$C:$H,3,0))</f>
        <v/>
      </c>
      <c r="E17" s="59" t="str">
        <f>IF($B17="","",VLOOKUP($B17,'2. Gerenciamento'!$C:$H,4,0))</f>
        <v/>
      </c>
      <c r="F17" s="59" t="str">
        <f>IF($B17="","",VLOOKUP($B17,'2. Gerenciamento'!$C:$H,5,0))</f>
        <v/>
      </c>
      <c r="G17" s="59" t="str">
        <f>IF(B17="","",VLOOKUP(B17,'2. Gerenciamento'!C:T,18,0))</f>
        <v/>
      </c>
      <c r="H17" s="74" t="str">
        <f>IF(B17="","",VLOOKUP(B17,'2. Gerenciamento'!C:AC,21,0))</f>
        <v/>
      </c>
      <c r="I17" s="73" t="str">
        <f>IF($B17="","",VLOOKUP($B17,'2. Gerenciamento'!$C:$AC,23,0))</f>
        <v/>
      </c>
      <c r="J17" s="73" t="str">
        <f>IF($B17="","",VLOOKUP($B17,'2. Gerenciamento'!$C:$AC,24,0))</f>
        <v/>
      </c>
      <c r="K17" s="73" t="str">
        <f>IF($B17="","",VLOOKUP($B17,'2. Gerenciamento'!$C:$AC,25,0))</f>
        <v/>
      </c>
      <c r="L17" s="77" t="str">
        <f>IF($B17="","",VLOOKUP($B17,'2. Gerenciamento'!$C:$AC,26,0))</f>
        <v/>
      </c>
      <c r="M17" s="77" t="str">
        <f>IF($B17="","",VLOOKUP($B17,'2. Gerenciamento'!$C:$AC,27,0))</f>
        <v/>
      </c>
      <c r="N17" s="17"/>
      <c r="O17" s="16"/>
      <c r="P17" s="16"/>
    </row>
    <row r="18" spans="1:16">
      <c r="A18" s="2"/>
      <c r="B18" s="56"/>
      <c r="C18" s="59" t="str">
        <f>IF($B18="","",VLOOKUP($B18,'2. Gerenciamento'!$C:$H,2,0))</f>
        <v/>
      </c>
      <c r="D18" s="59" t="str">
        <f>IF($B18="","",VLOOKUP($B18,'2. Gerenciamento'!$C:$H,3,0))</f>
        <v/>
      </c>
      <c r="E18" s="59" t="str">
        <f>IF($B18="","",VLOOKUP($B18,'2. Gerenciamento'!$C:$H,4,0))</f>
        <v/>
      </c>
      <c r="F18" s="59" t="str">
        <f>IF($B18="","",VLOOKUP($B18,'2. Gerenciamento'!$C:$H,5,0))</f>
        <v/>
      </c>
      <c r="G18" s="59" t="str">
        <f>IF(B18="","",VLOOKUP(B18,'2. Gerenciamento'!C:T,18,0))</f>
        <v/>
      </c>
      <c r="H18" s="74" t="str">
        <f>IF(B18="","",VLOOKUP(B18,'2. Gerenciamento'!C:AC,21,0))</f>
        <v/>
      </c>
      <c r="I18" s="73" t="str">
        <f>IF($B18="","",VLOOKUP($B18,'2. Gerenciamento'!$C:$AC,23,0))</f>
        <v/>
      </c>
      <c r="J18" s="73" t="str">
        <f>IF($B18="","",VLOOKUP($B18,'2. Gerenciamento'!$C:$AC,24,0))</f>
        <v/>
      </c>
      <c r="K18" s="73" t="str">
        <f>IF($B18="","",VLOOKUP($B18,'2. Gerenciamento'!$C:$AC,25,0))</f>
        <v/>
      </c>
      <c r="L18" s="77" t="str">
        <f>IF($B18="","",VLOOKUP($B18,'2. Gerenciamento'!$C:$AC,26,0))</f>
        <v/>
      </c>
      <c r="M18" s="77" t="str">
        <f>IF($B18="","",VLOOKUP($B18,'2. Gerenciamento'!$C:$AC,27,0))</f>
        <v/>
      </c>
      <c r="N18" s="17"/>
      <c r="O18" s="16"/>
      <c r="P18" s="16"/>
    </row>
    <row r="19" spans="1:16">
      <c r="A19" s="2"/>
      <c r="B19" s="56"/>
      <c r="C19" s="59" t="str">
        <f>IF($B19="","",VLOOKUP($B19,'2. Gerenciamento'!$C:$H,2,0))</f>
        <v/>
      </c>
      <c r="D19" s="59" t="str">
        <f>IF($B19="","",VLOOKUP($B19,'2. Gerenciamento'!$C:$H,3,0))</f>
        <v/>
      </c>
      <c r="E19" s="59" t="str">
        <f>IF($B19="","",VLOOKUP($B19,'2. Gerenciamento'!$C:$H,4,0))</f>
        <v/>
      </c>
      <c r="F19" s="59" t="str">
        <f>IF($B19="","",VLOOKUP($B19,'2. Gerenciamento'!$C:$H,5,0))</f>
        <v/>
      </c>
      <c r="G19" s="59" t="str">
        <f>IF(B19="","",VLOOKUP(B19,'2. Gerenciamento'!C:T,18,0))</f>
        <v/>
      </c>
      <c r="H19" s="74" t="str">
        <f>IF(B19="","",VLOOKUP(B19,'2. Gerenciamento'!C:AC,21,0))</f>
        <v/>
      </c>
      <c r="I19" s="73" t="str">
        <f>IF($B19="","",VLOOKUP($B19,'2. Gerenciamento'!$C:$AC,23,0))</f>
        <v/>
      </c>
      <c r="J19" s="73" t="str">
        <f>IF($B19="","",VLOOKUP($B19,'2. Gerenciamento'!$C:$AC,24,0))</f>
        <v/>
      </c>
      <c r="K19" s="73" t="str">
        <f>IF($B19="","",VLOOKUP($B19,'2. Gerenciamento'!$C:$AC,25,0))</f>
        <v/>
      </c>
      <c r="L19" s="77" t="str">
        <f>IF($B19="","",VLOOKUP($B19,'2. Gerenciamento'!$C:$AC,26,0))</f>
        <v/>
      </c>
      <c r="M19" s="77" t="str">
        <f>IF($B19="","",VLOOKUP($B19,'2. Gerenciamento'!$C:$AC,27,0))</f>
        <v/>
      </c>
      <c r="N19" s="17"/>
      <c r="O19" s="16"/>
      <c r="P19" s="16"/>
    </row>
    <row r="20" spans="1:16">
      <c r="A20" s="2"/>
      <c r="B20" s="56"/>
      <c r="C20" s="59" t="str">
        <f>IF($B20="","",VLOOKUP($B20,'2. Gerenciamento'!$C:$H,2,0))</f>
        <v/>
      </c>
      <c r="D20" s="59" t="str">
        <f>IF($B20="","",VLOOKUP($B20,'2. Gerenciamento'!$C:$H,3,0))</f>
        <v/>
      </c>
      <c r="E20" s="59" t="str">
        <f>IF($B20="","",VLOOKUP($B20,'2. Gerenciamento'!$C:$H,4,0))</f>
        <v/>
      </c>
      <c r="F20" s="59" t="str">
        <f>IF($B20="","",VLOOKUP($B20,'2. Gerenciamento'!$C:$H,5,0))</f>
        <v/>
      </c>
      <c r="G20" s="59" t="str">
        <f>IF(B20="","",VLOOKUP(B20,'2. Gerenciamento'!C:T,18,0))</f>
        <v/>
      </c>
      <c r="H20" s="74" t="str">
        <f>IF(B20="","",VLOOKUP(B20,'2. Gerenciamento'!C:AC,21,0))</f>
        <v/>
      </c>
      <c r="I20" s="73" t="str">
        <f>IF($B20="","",VLOOKUP($B20,'2. Gerenciamento'!$C:$AC,23,0))</f>
        <v/>
      </c>
      <c r="J20" s="73" t="str">
        <f>IF($B20="","",VLOOKUP($B20,'2. Gerenciamento'!$C:$AC,24,0))</f>
        <v/>
      </c>
      <c r="K20" s="73" t="str">
        <f>IF($B20="","",VLOOKUP($B20,'2. Gerenciamento'!$C:$AC,25,0))</f>
        <v/>
      </c>
      <c r="L20" s="77" t="str">
        <f>IF($B20="","",VLOOKUP($B20,'2. Gerenciamento'!$C:$AC,26,0))</f>
        <v/>
      </c>
      <c r="M20" s="77" t="str">
        <f>IF($B20="","",VLOOKUP($B20,'2. Gerenciamento'!$C:$AC,27,0))</f>
        <v/>
      </c>
      <c r="N20" s="17"/>
      <c r="O20" s="16"/>
      <c r="P20" s="16"/>
    </row>
    <row r="21" spans="1:16">
      <c r="A21" s="2"/>
      <c r="B21" s="56"/>
      <c r="C21" s="59" t="str">
        <f>IF($B21="","",VLOOKUP($B21,'2. Gerenciamento'!$C:$H,2,0))</f>
        <v/>
      </c>
      <c r="D21" s="59" t="str">
        <f>IF($B21="","",VLOOKUP($B21,'2. Gerenciamento'!$C:$H,3,0))</f>
        <v/>
      </c>
      <c r="E21" s="59" t="str">
        <f>IF($B21="","",VLOOKUP($B21,'2. Gerenciamento'!$C:$H,4,0))</f>
        <v/>
      </c>
      <c r="F21" s="59" t="str">
        <f>IF($B21="","",VLOOKUP($B21,'2. Gerenciamento'!$C:$H,5,0))</f>
        <v/>
      </c>
      <c r="G21" s="59" t="str">
        <f>IF(B21="","",VLOOKUP(B21,'2. Gerenciamento'!C:T,18,0))</f>
        <v/>
      </c>
      <c r="H21" s="74" t="str">
        <f>IF(B21="","",VLOOKUP(B21,'2. Gerenciamento'!C:AC,21,0))</f>
        <v/>
      </c>
      <c r="I21" s="73" t="str">
        <f>IF($B21="","",VLOOKUP($B21,'2. Gerenciamento'!$C:$AC,23,0))</f>
        <v/>
      </c>
      <c r="J21" s="73" t="str">
        <f>IF($B21="","",VLOOKUP($B21,'2. Gerenciamento'!$C:$AC,24,0))</f>
        <v/>
      </c>
      <c r="K21" s="73" t="str">
        <f>IF($B21="","",VLOOKUP($B21,'2. Gerenciamento'!$C:$AC,25,0))</f>
        <v/>
      </c>
      <c r="L21" s="77" t="str">
        <f>IF($B21="","",VLOOKUP($B21,'2. Gerenciamento'!$C:$AC,26,0))</f>
        <v/>
      </c>
      <c r="M21" s="77" t="str">
        <f>IF($B21="","",VLOOKUP($B21,'2. Gerenciamento'!$C:$AC,27,0))</f>
        <v/>
      </c>
      <c r="N21" s="17"/>
      <c r="O21" s="16"/>
      <c r="P21" s="16"/>
    </row>
    <row r="22" spans="1:16">
      <c r="A22" s="2"/>
      <c r="B22" s="56"/>
      <c r="C22" s="59" t="str">
        <f>IF($B22="","",VLOOKUP($B22,'2. Gerenciamento'!$C:$H,2,0))</f>
        <v/>
      </c>
      <c r="D22" s="59" t="str">
        <f>IF($B22="","",VLOOKUP($B22,'2. Gerenciamento'!$C:$H,3,0))</f>
        <v/>
      </c>
      <c r="E22" s="59" t="str">
        <f>IF($B22="","",VLOOKUP($B22,'2. Gerenciamento'!$C:$H,4,0))</f>
        <v/>
      </c>
      <c r="F22" s="59" t="str">
        <f>IF($B22="","",VLOOKUP($B22,'2. Gerenciamento'!$C:$H,5,0))</f>
        <v/>
      </c>
      <c r="G22" s="59" t="str">
        <f>IF(B22="","",VLOOKUP(B22,'2. Gerenciamento'!C:T,18,0))</f>
        <v/>
      </c>
      <c r="H22" s="74" t="str">
        <f>IF(B22="","",VLOOKUP(B22,'2. Gerenciamento'!C:AC,21,0))</f>
        <v/>
      </c>
      <c r="I22" s="73" t="str">
        <f>IF($B22="","",VLOOKUP($B22,'2. Gerenciamento'!$C:$AC,23,0))</f>
        <v/>
      </c>
      <c r="J22" s="73" t="str">
        <f>IF($B22="","",VLOOKUP($B22,'2. Gerenciamento'!$C:$AC,24,0))</f>
        <v/>
      </c>
      <c r="K22" s="73" t="str">
        <f>IF($B22="","",VLOOKUP($B22,'2. Gerenciamento'!$C:$AC,25,0))</f>
        <v/>
      </c>
      <c r="L22" s="77" t="str">
        <f>IF($B22="","",VLOOKUP($B22,'2. Gerenciamento'!$C:$AC,26,0))</f>
        <v/>
      </c>
      <c r="M22" s="77" t="str">
        <f>IF($B22="","",VLOOKUP($B22,'2. Gerenciamento'!$C:$AC,27,0))</f>
        <v/>
      </c>
      <c r="N22" s="17"/>
      <c r="O22" s="16"/>
      <c r="P22" s="16"/>
    </row>
    <row r="23" spans="1:16">
      <c r="A23" s="2"/>
      <c r="B23" s="56"/>
      <c r="C23" s="59" t="str">
        <f>IF($B23="","",VLOOKUP($B23,'2. Gerenciamento'!$C:$H,2,0))</f>
        <v/>
      </c>
      <c r="D23" s="59" t="str">
        <f>IF($B23="","",VLOOKUP($B23,'2. Gerenciamento'!$C:$H,3,0))</f>
        <v/>
      </c>
      <c r="E23" s="59" t="str">
        <f>IF($B23="","",VLOOKUP($B23,'2. Gerenciamento'!$C:$H,4,0))</f>
        <v/>
      </c>
      <c r="F23" s="59" t="str">
        <f>IF($B23="","",VLOOKUP($B23,'2. Gerenciamento'!$C:$H,5,0))</f>
        <v/>
      </c>
      <c r="G23" s="59" t="str">
        <f>IF(B23="","",VLOOKUP(B23,'2. Gerenciamento'!C:T,18,0))</f>
        <v/>
      </c>
      <c r="H23" s="74" t="str">
        <f>IF(B23="","",VLOOKUP(B23,'2. Gerenciamento'!C:AC,21,0))</f>
        <v/>
      </c>
      <c r="I23" s="73" t="str">
        <f>IF($B23="","",VLOOKUP($B23,'2. Gerenciamento'!$C:$AC,23,0))</f>
        <v/>
      </c>
      <c r="J23" s="73" t="str">
        <f>IF($B23="","",VLOOKUP($B23,'2. Gerenciamento'!$C:$AC,24,0))</f>
        <v/>
      </c>
      <c r="K23" s="73" t="str">
        <f>IF($B23="","",VLOOKUP($B23,'2. Gerenciamento'!$C:$AC,25,0))</f>
        <v/>
      </c>
      <c r="L23" s="77" t="str">
        <f>IF($B23="","",VLOOKUP($B23,'2. Gerenciamento'!$C:$AC,26,0))</f>
        <v/>
      </c>
      <c r="M23" s="77" t="str">
        <f>IF($B23="","",VLOOKUP($B23,'2. Gerenciamento'!$C:$AC,27,0))</f>
        <v/>
      </c>
      <c r="N23" s="17"/>
      <c r="O23" s="16"/>
      <c r="P23" s="16"/>
    </row>
    <row r="24" spans="1:16">
      <c r="A24" s="2"/>
      <c r="B24" s="56"/>
      <c r="C24" s="59" t="str">
        <f>IF($B24="","",VLOOKUP($B24,'2. Gerenciamento'!$C:$H,2,0))</f>
        <v/>
      </c>
      <c r="D24" s="59" t="str">
        <f>IF($B24="","",VLOOKUP($B24,'2. Gerenciamento'!$C:$H,3,0))</f>
        <v/>
      </c>
      <c r="E24" s="59" t="str">
        <f>IF($B24="","",VLOOKUP($B24,'2. Gerenciamento'!$C:$H,4,0))</f>
        <v/>
      </c>
      <c r="F24" s="59" t="str">
        <f>IF($B24="","",VLOOKUP($B24,'2. Gerenciamento'!$C:$H,5,0))</f>
        <v/>
      </c>
      <c r="G24" s="59" t="str">
        <f>IF(B24="","",VLOOKUP(B24,'2. Gerenciamento'!C:T,18,0))</f>
        <v/>
      </c>
      <c r="H24" s="74" t="str">
        <f>IF(B24="","",VLOOKUP(B24,'2. Gerenciamento'!C:AC,21,0))</f>
        <v/>
      </c>
      <c r="I24" s="73" t="str">
        <f>IF($B24="","",VLOOKUP($B24,'2. Gerenciamento'!$C:$AC,23,0))</f>
        <v/>
      </c>
      <c r="J24" s="73" t="str">
        <f>IF($B24="","",VLOOKUP($B24,'2. Gerenciamento'!$C:$AC,24,0))</f>
        <v/>
      </c>
      <c r="K24" s="73" t="str">
        <f>IF($B24="","",VLOOKUP($B24,'2. Gerenciamento'!$C:$AC,25,0))</f>
        <v/>
      </c>
      <c r="L24" s="77" t="str">
        <f>IF($B24="","",VLOOKUP($B24,'2. Gerenciamento'!$C:$AC,26,0))</f>
        <v/>
      </c>
      <c r="M24" s="77" t="str">
        <f>IF($B24="","",VLOOKUP($B24,'2. Gerenciamento'!$C:$AC,27,0))</f>
        <v/>
      </c>
      <c r="N24" s="17"/>
      <c r="O24" s="16"/>
      <c r="P24" s="16"/>
    </row>
    <row r="25" spans="1:16">
      <c r="A25" s="2"/>
      <c r="B25" s="56"/>
      <c r="C25" s="59" t="str">
        <f>IF($B25="","",VLOOKUP($B25,'2. Gerenciamento'!$C:$H,2,0))</f>
        <v/>
      </c>
      <c r="D25" s="59" t="str">
        <f>IF($B25="","",VLOOKUP($B25,'2. Gerenciamento'!$C:$H,3,0))</f>
        <v/>
      </c>
      <c r="E25" s="59" t="str">
        <f>IF($B25="","",VLOOKUP($B25,'2. Gerenciamento'!$C:$H,4,0))</f>
        <v/>
      </c>
      <c r="F25" s="59" t="str">
        <f>IF($B25="","",VLOOKUP($B25,'2. Gerenciamento'!$C:$H,5,0))</f>
        <v/>
      </c>
      <c r="G25" s="59" t="str">
        <f>IF(B25="","",VLOOKUP(B25,'2. Gerenciamento'!C:T,18,0))</f>
        <v/>
      </c>
      <c r="H25" s="74" t="str">
        <f>IF(B25="","",VLOOKUP(B25,'2. Gerenciamento'!C:AC,21,0))</f>
        <v/>
      </c>
      <c r="I25" s="73" t="str">
        <f>IF($B25="","",VLOOKUP($B25,'2. Gerenciamento'!$C:$AC,23,0))</f>
        <v/>
      </c>
      <c r="J25" s="73" t="str">
        <f>IF($B25="","",VLOOKUP($B25,'2. Gerenciamento'!$C:$AC,24,0))</f>
        <v/>
      </c>
      <c r="K25" s="73" t="str">
        <f>IF($B25="","",VLOOKUP($B25,'2. Gerenciamento'!$C:$AC,25,0))</f>
        <v/>
      </c>
      <c r="L25" s="77" t="str">
        <f>IF($B25="","",VLOOKUP($B25,'2. Gerenciamento'!$C:$AC,26,0))</f>
        <v/>
      </c>
      <c r="M25" s="77" t="str">
        <f>IF($B25="","",VLOOKUP($B25,'2. Gerenciamento'!$C:$AC,27,0))</f>
        <v/>
      </c>
      <c r="N25" s="17"/>
      <c r="O25" s="16"/>
      <c r="P25" s="16"/>
    </row>
    <row r="26" spans="1:16">
      <c r="A26" s="2"/>
      <c r="B26" s="56"/>
      <c r="C26" s="59" t="str">
        <f>IF($B26="","",VLOOKUP($B26,'2. Gerenciamento'!$C:$H,2,0))</f>
        <v/>
      </c>
      <c r="D26" s="59" t="str">
        <f>IF($B26="","",VLOOKUP($B26,'2. Gerenciamento'!$C:$H,3,0))</f>
        <v/>
      </c>
      <c r="E26" s="59" t="str">
        <f>IF($B26="","",VLOOKUP($B26,'2. Gerenciamento'!$C:$H,4,0))</f>
        <v/>
      </c>
      <c r="F26" s="59" t="str">
        <f>IF($B26="","",VLOOKUP($B26,'2. Gerenciamento'!$C:$H,5,0))</f>
        <v/>
      </c>
      <c r="G26" s="59" t="str">
        <f>IF(B26="","",VLOOKUP(B26,'2. Gerenciamento'!C:T,18,0))</f>
        <v/>
      </c>
      <c r="H26" s="74" t="str">
        <f>IF(B26="","",VLOOKUP(B26,'2. Gerenciamento'!C:AC,21,0))</f>
        <v/>
      </c>
      <c r="I26" s="73" t="str">
        <f>IF($B26="","",VLOOKUP($B26,'2. Gerenciamento'!$C:$AC,23,0))</f>
        <v/>
      </c>
      <c r="J26" s="73" t="str">
        <f>IF($B26="","",VLOOKUP($B26,'2. Gerenciamento'!$C:$AC,24,0))</f>
        <v/>
      </c>
      <c r="K26" s="73" t="str">
        <f>IF($B26="","",VLOOKUP($B26,'2. Gerenciamento'!$C:$AC,25,0))</f>
        <v/>
      </c>
      <c r="L26" s="77" t="str">
        <f>IF($B26="","",VLOOKUP($B26,'2. Gerenciamento'!$C:$AC,26,0))</f>
        <v/>
      </c>
      <c r="M26" s="77" t="str">
        <f>IF($B26="","",VLOOKUP($B26,'2. Gerenciamento'!$C:$AC,27,0))</f>
        <v/>
      </c>
      <c r="N26" s="17"/>
      <c r="O26" s="16"/>
      <c r="P26" s="16"/>
    </row>
    <row r="27" spans="1:16">
      <c r="A27" s="2"/>
      <c r="B27" s="56"/>
      <c r="C27" s="59" t="str">
        <f>IF($B27="","",VLOOKUP($B27,'2. Gerenciamento'!$C:$H,2,0))</f>
        <v/>
      </c>
      <c r="D27" s="59" t="str">
        <f>IF($B27="","",VLOOKUP($B27,'2. Gerenciamento'!$C:$H,3,0))</f>
        <v/>
      </c>
      <c r="E27" s="59" t="str">
        <f>IF($B27="","",VLOOKUP($B27,'2. Gerenciamento'!$C:$H,4,0))</f>
        <v/>
      </c>
      <c r="F27" s="59" t="str">
        <f>IF($B27="","",VLOOKUP($B27,'2. Gerenciamento'!$C:$H,5,0))</f>
        <v/>
      </c>
      <c r="G27" s="59" t="str">
        <f>IF(B27="","",VLOOKUP(B27,'2. Gerenciamento'!C:T,18,0))</f>
        <v/>
      </c>
      <c r="H27" s="74" t="str">
        <f>IF(B27="","",VLOOKUP(B27,'2. Gerenciamento'!C:AC,21,0))</f>
        <v/>
      </c>
      <c r="I27" s="73" t="str">
        <f>IF($B27="","",VLOOKUP($B27,'2. Gerenciamento'!$C:$AC,23,0))</f>
        <v/>
      </c>
      <c r="J27" s="73" t="str">
        <f>IF($B27="","",VLOOKUP($B27,'2. Gerenciamento'!$C:$AC,24,0))</f>
        <v/>
      </c>
      <c r="K27" s="73" t="str">
        <f>IF($B27="","",VLOOKUP($B27,'2. Gerenciamento'!$C:$AC,25,0))</f>
        <v/>
      </c>
      <c r="L27" s="77" t="str">
        <f>IF($B27="","",VLOOKUP($B27,'2. Gerenciamento'!$C:$AC,26,0))</f>
        <v/>
      </c>
      <c r="M27" s="77" t="str">
        <f>IF($B27="","",VLOOKUP($B27,'2. Gerenciamento'!$C:$AC,27,0))</f>
        <v/>
      </c>
      <c r="N27" s="17"/>
      <c r="O27" s="16"/>
      <c r="P27" s="16"/>
    </row>
    <row r="28" spans="1:16">
      <c r="A28" s="2"/>
      <c r="B28" s="56"/>
      <c r="C28" s="59" t="str">
        <f>IF($B28="","",VLOOKUP($B28,'2. Gerenciamento'!$C:$H,2,0))</f>
        <v/>
      </c>
      <c r="D28" s="59" t="str">
        <f>IF($B28="","",VLOOKUP($B28,'2. Gerenciamento'!$C:$H,3,0))</f>
        <v/>
      </c>
      <c r="E28" s="59" t="str">
        <f>IF($B28="","",VLOOKUP($B28,'2. Gerenciamento'!$C:$H,4,0))</f>
        <v/>
      </c>
      <c r="F28" s="59" t="str">
        <f>IF($B28="","",VLOOKUP($B28,'2. Gerenciamento'!$C:$H,5,0))</f>
        <v/>
      </c>
      <c r="G28" s="59" t="str">
        <f>IF(B28="","",VLOOKUP(B28,'2. Gerenciamento'!C:T,18,0))</f>
        <v/>
      </c>
      <c r="H28" s="74" t="str">
        <f>IF(B28="","",VLOOKUP(B28,'2. Gerenciamento'!C:AC,21,0))</f>
        <v/>
      </c>
      <c r="I28" s="73" t="str">
        <f>IF($B28="","",VLOOKUP($B28,'2. Gerenciamento'!$C:$AC,23,0))</f>
        <v/>
      </c>
      <c r="J28" s="73" t="str">
        <f>IF($B28="","",VLOOKUP($B28,'2. Gerenciamento'!$C:$AC,24,0))</f>
        <v/>
      </c>
      <c r="K28" s="73" t="str">
        <f>IF($B28="","",VLOOKUP($B28,'2. Gerenciamento'!$C:$AC,25,0))</f>
        <v/>
      </c>
      <c r="L28" s="77" t="str">
        <f>IF($B28="","",VLOOKUP($B28,'2. Gerenciamento'!$C:$AC,26,0))</f>
        <v/>
      </c>
      <c r="M28" s="77" t="str">
        <f>IF($B28="","",VLOOKUP($B28,'2. Gerenciamento'!$C:$AC,27,0))</f>
        <v/>
      </c>
      <c r="N28" s="17"/>
      <c r="O28" s="16"/>
      <c r="P28" s="16"/>
    </row>
    <row r="29" spans="1:16">
      <c r="A29" s="2"/>
      <c r="B29" s="56"/>
      <c r="C29" s="59" t="str">
        <f>IF($B29="","",VLOOKUP($B29,'2. Gerenciamento'!$C:$H,2,0))</f>
        <v/>
      </c>
      <c r="D29" s="59" t="str">
        <f>IF($B29="","",VLOOKUP($B29,'2. Gerenciamento'!$C:$H,3,0))</f>
        <v/>
      </c>
      <c r="E29" s="59" t="str">
        <f>IF($B29="","",VLOOKUP($B29,'2. Gerenciamento'!$C:$H,4,0))</f>
        <v/>
      </c>
      <c r="F29" s="59" t="str">
        <f>IF($B29="","",VLOOKUP($B29,'2. Gerenciamento'!$C:$H,5,0))</f>
        <v/>
      </c>
      <c r="G29" s="59" t="str">
        <f>IF(B29="","",VLOOKUP(B29,'2. Gerenciamento'!C:T,18,0))</f>
        <v/>
      </c>
      <c r="H29" s="74" t="str">
        <f>IF(B29="","",VLOOKUP(B29,'2. Gerenciamento'!C:AC,21,0))</f>
        <v/>
      </c>
      <c r="I29" s="73" t="str">
        <f>IF($B29="","",VLOOKUP($B29,'2. Gerenciamento'!$C:$AC,23,0))</f>
        <v/>
      </c>
      <c r="J29" s="73" t="str">
        <f>IF($B29="","",VLOOKUP($B29,'2. Gerenciamento'!$C:$AC,24,0))</f>
        <v/>
      </c>
      <c r="K29" s="73" t="str">
        <f>IF($B29="","",VLOOKUP($B29,'2. Gerenciamento'!$C:$AC,25,0))</f>
        <v/>
      </c>
      <c r="L29" s="77" t="str">
        <f>IF($B29="","",VLOOKUP($B29,'2. Gerenciamento'!$C:$AC,26,0))</f>
        <v/>
      </c>
      <c r="M29" s="77" t="str">
        <f>IF($B29="","",VLOOKUP($B29,'2. Gerenciamento'!$C:$AC,27,0))</f>
        <v/>
      </c>
      <c r="N29" s="17"/>
      <c r="O29" s="16"/>
      <c r="P29" s="16"/>
    </row>
    <row r="30" spans="1:16">
      <c r="A30" s="2"/>
      <c r="B30" s="56"/>
      <c r="C30" s="59" t="str">
        <f>IF($B30="","",VLOOKUP($B30,'2. Gerenciamento'!$C:$H,2,0))</f>
        <v/>
      </c>
      <c r="D30" s="59" t="str">
        <f>IF($B30="","",VLOOKUP($B30,'2. Gerenciamento'!$C:$H,3,0))</f>
        <v/>
      </c>
      <c r="E30" s="59" t="str">
        <f>IF($B30="","",VLOOKUP($B30,'2. Gerenciamento'!$C:$H,4,0))</f>
        <v/>
      </c>
      <c r="F30" s="59" t="str">
        <f>IF($B30="","",VLOOKUP($B30,'2. Gerenciamento'!$C:$H,5,0))</f>
        <v/>
      </c>
      <c r="G30" s="59" t="str">
        <f>IF(B30="","",VLOOKUP(B30,'2. Gerenciamento'!C:T,18,0))</f>
        <v/>
      </c>
      <c r="H30" s="74" t="str">
        <f>IF(B30="","",VLOOKUP(B30,'2. Gerenciamento'!C:AC,21,0))</f>
        <v/>
      </c>
      <c r="I30" s="73" t="str">
        <f>IF($B30="","",VLOOKUP($B30,'2. Gerenciamento'!$C:$AC,23,0))</f>
        <v/>
      </c>
      <c r="J30" s="73" t="str">
        <f>IF($B30="","",VLOOKUP($B30,'2. Gerenciamento'!$C:$AC,24,0))</f>
        <v/>
      </c>
      <c r="K30" s="73" t="str">
        <f>IF($B30="","",VLOOKUP($B30,'2. Gerenciamento'!$C:$AC,25,0))</f>
        <v/>
      </c>
      <c r="L30" s="77" t="str">
        <f>IF($B30="","",VLOOKUP($B30,'2. Gerenciamento'!$C:$AC,26,0))</f>
        <v/>
      </c>
      <c r="M30" s="77" t="str">
        <f>IF($B30="","",VLOOKUP($B30,'2. Gerenciamento'!$C:$AC,27,0))</f>
        <v/>
      </c>
      <c r="N30" s="17"/>
      <c r="O30" s="16"/>
      <c r="P30" s="16"/>
    </row>
    <row r="31" spans="1:16">
      <c r="A31" s="2"/>
      <c r="B31" s="56"/>
      <c r="C31" s="59" t="str">
        <f>IF($B31="","",VLOOKUP($B31,'2. Gerenciamento'!$C:$H,2,0))</f>
        <v/>
      </c>
      <c r="D31" s="59" t="str">
        <f>IF($B31="","",VLOOKUP($B31,'2. Gerenciamento'!$C:$H,3,0))</f>
        <v/>
      </c>
      <c r="E31" s="59" t="str">
        <f>IF($B31="","",VLOOKUP($B31,'2. Gerenciamento'!$C:$H,4,0))</f>
        <v/>
      </c>
      <c r="F31" s="59" t="str">
        <f>IF($B31="","",VLOOKUP($B31,'2. Gerenciamento'!$C:$H,5,0))</f>
        <v/>
      </c>
      <c r="G31" s="59" t="str">
        <f>IF(B31="","",VLOOKUP(B31,'2. Gerenciamento'!C:T,18,0))</f>
        <v/>
      </c>
      <c r="H31" s="74" t="str">
        <f>IF(B31="","",VLOOKUP(B31,'2. Gerenciamento'!C:AC,21,0))</f>
        <v/>
      </c>
      <c r="I31" s="73" t="str">
        <f>IF($B31="","",VLOOKUP($B31,'2. Gerenciamento'!$C:$AC,23,0))</f>
        <v/>
      </c>
      <c r="J31" s="73" t="str">
        <f>IF($B31="","",VLOOKUP($B31,'2. Gerenciamento'!$C:$AC,24,0))</f>
        <v/>
      </c>
      <c r="K31" s="73" t="str">
        <f>IF($B31="","",VLOOKUP($B31,'2. Gerenciamento'!$C:$AC,25,0))</f>
        <v/>
      </c>
      <c r="L31" s="77" t="str">
        <f>IF($B31="","",VLOOKUP($B31,'2. Gerenciamento'!$C:$AC,26,0))</f>
        <v/>
      </c>
      <c r="M31" s="77" t="str">
        <f>IF($B31="","",VLOOKUP($B31,'2. Gerenciamento'!$C:$AC,27,0))</f>
        <v/>
      </c>
      <c r="N31" s="17"/>
      <c r="O31" s="16"/>
      <c r="P31" s="16"/>
    </row>
    <row r="32" spans="1:16">
      <c r="A32" s="2"/>
      <c r="B32" s="56"/>
      <c r="C32" s="59" t="str">
        <f>IF($B32="","",VLOOKUP($B32,'2. Gerenciamento'!$C:$H,2,0))</f>
        <v/>
      </c>
      <c r="D32" s="59" t="str">
        <f>IF($B32="","",VLOOKUP($B32,'2. Gerenciamento'!$C:$H,3,0))</f>
        <v/>
      </c>
      <c r="E32" s="59" t="str">
        <f>IF($B32="","",VLOOKUP($B32,'2. Gerenciamento'!$C:$H,4,0))</f>
        <v/>
      </c>
      <c r="F32" s="59" t="str">
        <f>IF($B32="","",VLOOKUP($B32,'2. Gerenciamento'!$C:$H,5,0))</f>
        <v/>
      </c>
      <c r="G32" s="59" t="str">
        <f>IF(B32="","",VLOOKUP(B32,'2. Gerenciamento'!C:T,18,0))</f>
        <v/>
      </c>
      <c r="H32" s="74" t="str">
        <f>IF(B32="","",VLOOKUP(B32,'2. Gerenciamento'!C:AC,21,0))</f>
        <v/>
      </c>
      <c r="I32" s="73" t="str">
        <f>IF($B32="","",VLOOKUP($B32,'2. Gerenciamento'!$C:$AC,23,0))</f>
        <v/>
      </c>
      <c r="J32" s="73" t="str">
        <f>IF($B32="","",VLOOKUP($B32,'2. Gerenciamento'!$C:$AC,24,0))</f>
        <v/>
      </c>
      <c r="K32" s="73" t="str">
        <f>IF($B32="","",VLOOKUP($B32,'2. Gerenciamento'!$C:$AC,25,0))</f>
        <v/>
      </c>
      <c r="L32" s="77" t="str">
        <f>IF($B32="","",VLOOKUP($B32,'2. Gerenciamento'!$C:$AC,26,0))</f>
        <v/>
      </c>
      <c r="M32" s="77" t="str">
        <f>IF($B32="","",VLOOKUP($B32,'2. Gerenciamento'!$C:$AC,27,0))</f>
        <v/>
      </c>
      <c r="N32" s="17"/>
      <c r="O32" s="16"/>
      <c r="P32" s="16"/>
    </row>
    <row r="33" spans="1:16">
      <c r="A33" s="2"/>
      <c r="B33" s="56"/>
      <c r="C33" s="59" t="str">
        <f>IF($B33="","",VLOOKUP($B33,'2. Gerenciamento'!$C:$H,2,0))</f>
        <v/>
      </c>
      <c r="D33" s="59" t="str">
        <f>IF($B33="","",VLOOKUP($B33,'2. Gerenciamento'!$C:$H,3,0))</f>
        <v/>
      </c>
      <c r="E33" s="59" t="str">
        <f>IF($B33="","",VLOOKUP($B33,'2. Gerenciamento'!$C:$H,4,0))</f>
        <v/>
      </c>
      <c r="F33" s="59" t="str">
        <f>IF($B33="","",VLOOKUP($B33,'2. Gerenciamento'!$C:$H,5,0))</f>
        <v/>
      </c>
      <c r="G33" s="59" t="str">
        <f>IF(B33="","",VLOOKUP(B33,'2. Gerenciamento'!C:T,18,0))</f>
        <v/>
      </c>
      <c r="H33" s="74" t="str">
        <f>IF(B33="","",VLOOKUP(B33,'2. Gerenciamento'!C:AC,21,0))</f>
        <v/>
      </c>
      <c r="I33" s="73" t="str">
        <f>IF($B33="","",VLOOKUP($B33,'2. Gerenciamento'!$C:$AC,23,0))</f>
        <v/>
      </c>
      <c r="J33" s="73" t="str">
        <f>IF($B33="","",VLOOKUP($B33,'2. Gerenciamento'!$C:$AC,24,0))</f>
        <v/>
      </c>
      <c r="K33" s="73" t="str">
        <f>IF($B33="","",VLOOKUP($B33,'2. Gerenciamento'!$C:$AC,25,0))</f>
        <v/>
      </c>
      <c r="L33" s="77" t="str">
        <f>IF($B33="","",VLOOKUP($B33,'2. Gerenciamento'!$C:$AC,26,0))</f>
        <v/>
      </c>
      <c r="M33" s="77" t="str">
        <f>IF($B33="","",VLOOKUP($B33,'2. Gerenciamento'!$C:$AC,27,0))</f>
        <v/>
      </c>
      <c r="N33" s="17"/>
      <c r="O33" s="16"/>
      <c r="P33" s="16"/>
    </row>
    <row r="34" spans="1:16">
      <c r="A34" s="2"/>
      <c r="B34" s="56"/>
      <c r="C34" s="59" t="str">
        <f>IF($B34="","",VLOOKUP($B34,'2. Gerenciamento'!$C:$H,2,0))</f>
        <v/>
      </c>
      <c r="D34" s="59" t="str">
        <f>IF($B34="","",VLOOKUP($B34,'2. Gerenciamento'!$C:$H,3,0))</f>
        <v/>
      </c>
      <c r="E34" s="59" t="str">
        <f>IF($B34="","",VLOOKUP($B34,'2. Gerenciamento'!$C:$H,4,0))</f>
        <v/>
      </c>
      <c r="F34" s="59" t="str">
        <f>IF($B34="","",VLOOKUP($B34,'2. Gerenciamento'!$C:$H,5,0))</f>
        <v/>
      </c>
      <c r="G34" s="59" t="str">
        <f>IF(B34="","",VLOOKUP(B34,'2. Gerenciamento'!C:T,18,0))</f>
        <v/>
      </c>
      <c r="H34" s="74" t="str">
        <f>IF(B34="","",VLOOKUP(B34,'2. Gerenciamento'!C:AC,21,0))</f>
        <v/>
      </c>
      <c r="I34" s="73" t="str">
        <f>IF($B34="","",VLOOKUP($B34,'2. Gerenciamento'!$C:$AC,23,0))</f>
        <v/>
      </c>
      <c r="J34" s="73" t="str">
        <f>IF($B34="","",VLOOKUP($B34,'2. Gerenciamento'!$C:$AC,24,0))</f>
        <v/>
      </c>
      <c r="K34" s="73" t="str">
        <f>IF($B34="","",VLOOKUP($B34,'2. Gerenciamento'!$C:$AC,25,0))</f>
        <v/>
      </c>
      <c r="L34" s="77" t="str">
        <f>IF($B34="","",VLOOKUP($B34,'2. Gerenciamento'!$C:$AC,26,0))</f>
        <v/>
      </c>
      <c r="M34" s="77" t="str">
        <f>IF($B34="","",VLOOKUP($B34,'2. Gerenciamento'!$C:$AC,27,0))</f>
        <v/>
      </c>
      <c r="N34" s="17"/>
      <c r="O34" s="16"/>
      <c r="P34" s="16"/>
    </row>
    <row r="35" spans="1:16">
      <c r="A35" s="2"/>
      <c r="B35" s="56"/>
      <c r="C35" s="59" t="str">
        <f>IF($B35="","",VLOOKUP($B35,'2. Gerenciamento'!$C:$H,2,0))</f>
        <v/>
      </c>
      <c r="D35" s="59" t="str">
        <f>IF($B35="","",VLOOKUP($B35,'2. Gerenciamento'!$C:$H,3,0))</f>
        <v/>
      </c>
      <c r="E35" s="59" t="str">
        <f>IF($B35="","",VLOOKUP($B35,'2. Gerenciamento'!$C:$H,4,0))</f>
        <v/>
      </c>
      <c r="F35" s="59" t="str">
        <f>IF($B35="","",VLOOKUP($B35,'2. Gerenciamento'!$C:$H,5,0))</f>
        <v/>
      </c>
      <c r="G35" s="59" t="str">
        <f>IF(B35="","",VLOOKUP(B35,'2. Gerenciamento'!C:T,18,0))</f>
        <v/>
      </c>
      <c r="H35" s="74" t="str">
        <f>IF(B35="","",VLOOKUP(B35,'2. Gerenciamento'!C:AC,21,0))</f>
        <v/>
      </c>
      <c r="I35" s="73" t="str">
        <f>IF($B35="","",VLOOKUP($B35,'2. Gerenciamento'!$C:$AC,23,0))</f>
        <v/>
      </c>
      <c r="J35" s="73" t="str">
        <f>IF($B35="","",VLOOKUP($B35,'2. Gerenciamento'!$C:$AC,24,0))</f>
        <v/>
      </c>
      <c r="K35" s="73" t="str">
        <f>IF($B35="","",VLOOKUP($B35,'2. Gerenciamento'!$C:$AC,25,0))</f>
        <v/>
      </c>
      <c r="L35" s="77" t="str">
        <f>IF($B35="","",VLOOKUP($B35,'2. Gerenciamento'!$C:$AC,26,0))</f>
        <v/>
      </c>
      <c r="M35" s="77" t="str">
        <f>IF($B35="","",VLOOKUP($B35,'2. Gerenciamento'!$C:$AC,27,0))</f>
        <v/>
      </c>
      <c r="N35" s="17"/>
      <c r="O35" s="16"/>
      <c r="P35" s="16"/>
    </row>
    <row r="36" spans="1:16">
      <c r="A36" s="2"/>
      <c r="B36" s="56"/>
      <c r="C36" s="59" t="str">
        <f>IF($B36="","",VLOOKUP($B36,'2. Gerenciamento'!$C:$H,2,0))</f>
        <v/>
      </c>
      <c r="D36" s="59" t="str">
        <f>IF($B36="","",VLOOKUP($B36,'2. Gerenciamento'!$C:$H,3,0))</f>
        <v/>
      </c>
      <c r="E36" s="59" t="str">
        <f>IF($B36="","",VLOOKUP($B36,'2. Gerenciamento'!$C:$H,4,0))</f>
        <v/>
      </c>
      <c r="F36" s="59" t="str">
        <f>IF($B36="","",VLOOKUP($B36,'2. Gerenciamento'!$C:$H,5,0))</f>
        <v/>
      </c>
      <c r="G36" s="59" t="str">
        <f>IF(B36="","",VLOOKUP(B36,'2. Gerenciamento'!C:T,18,0))</f>
        <v/>
      </c>
      <c r="H36" s="74" t="str">
        <f>IF(B36="","",VLOOKUP(B36,'2. Gerenciamento'!C:AC,21,0))</f>
        <v/>
      </c>
      <c r="I36" s="73" t="str">
        <f>IF($B36="","",VLOOKUP($B36,'2. Gerenciamento'!$C:$AC,23,0))</f>
        <v/>
      </c>
      <c r="J36" s="73" t="str">
        <f>IF($B36="","",VLOOKUP($B36,'2. Gerenciamento'!$C:$AC,24,0))</f>
        <v/>
      </c>
      <c r="K36" s="73" t="str">
        <f>IF($B36="","",VLOOKUP($B36,'2. Gerenciamento'!$C:$AC,25,0))</f>
        <v/>
      </c>
      <c r="L36" s="77" t="str">
        <f>IF($B36="","",VLOOKUP($B36,'2. Gerenciamento'!$C:$AC,26,0))</f>
        <v/>
      </c>
      <c r="M36" s="77" t="str">
        <f>IF($B36="","",VLOOKUP($B36,'2. Gerenciamento'!$C:$AC,27,0))</f>
        <v/>
      </c>
      <c r="N36" s="17"/>
      <c r="O36" s="16"/>
      <c r="P36" s="16"/>
    </row>
    <row r="37" spans="1:16">
      <c r="A37" s="2"/>
      <c r="B37" s="56"/>
      <c r="C37" s="59" t="str">
        <f>IF($B37="","",VLOOKUP($B37,'2. Gerenciamento'!$C:$H,2,0))</f>
        <v/>
      </c>
      <c r="D37" s="59" t="str">
        <f>IF($B37="","",VLOOKUP($B37,'2. Gerenciamento'!$C:$H,3,0))</f>
        <v/>
      </c>
      <c r="E37" s="59" t="str">
        <f>IF($B37="","",VLOOKUP($B37,'2. Gerenciamento'!$C:$H,4,0))</f>
        <v/>
      </c>
      <c r="F37" s="59" t="str">
        <f>IF($B37="","",VLOOKUP($B37,'2. Gerenciamento'!$C:$H,5,0))</f>
        <v/>
      </c>
      <c r="G37" s="59" t="str">
        <f>IF(B37="","",VLOOKUP(B37,'2. Gerenciamento'!C:T,18,0))</f>
        <v/>
      </c>
      <c r="H37" s="74" t="str">
        <f>IF(B37="","",VLOOKUP(B37,'2. Gerenciamento'!C:AC,21,0))</f>
        <v/>
      </c>
      <c r="I37" s="73" t="str">
        <f>IF($B37="","",VLOOKUP($B37,'2. Gerenciamento'!$C:$AC,23,0))</f>
        <v/>
      </c>
      <c r="J37" s="73" t="str">
        <f>IF($B37="","",VLOOKUP($B37,'2. Gerenciamento'!$C:$AC,24,0))</f>
        <v/>
      </c>
      <c r="K37" s="73" t="str">
        <f>IF($B37="","",VLOOKUP($B37,'2. Gerenciamento'!$C:$AC,25,0))</f>
        <v/>
      </c>
      <c r="L37" s="77" t="str">
        <f>IF($B37="","",VLOOKUP($B37,'2. Gerenciamento'!$C:$AC,26,0))</f>
        <v/>
      </c>
      <c r="M37" s="77" t="str">
        <f>IF($B37="","",VLOOKUP($B37,'2. Gerenciamento'!$C:$AC,27,0))</f>
        <v/>
      </c>
      <c r="N37" s="17"/>
      <c r="O37" s="16"/>
      <c r="P37" s="16"/>
    </row>
    <row r="38" spans="1:16">
      <c r="A38" s="2"/>
      <c r="B38" s="56"/>
      <c r="C38" s="59" t="str">
        <f>IF($B38="","",VLOOKUP($B38,'2. Gerenciamento'!$C:$H,2,0))</f>
        <v/>
      </c>
      <c r="D38" s="59" t="str">
        <f>IF($B38="","",VLOOKUP($B38,'2. Gerenciamento'!$C:$H,3,0))</f>
        <v/>
      </c>
      <c r="E38" s="59" t="str">
        <f>IF($B38="","",VLOOKUP($B38,'2. Gerenciamento'!$C:$H,4,0))</f>
        <v/>
      </c>
      <c r="F38" s="59" t="str">
        <f>IF($B38="","",VLOOKUP($B38,'2. Gerenciamento'!$C:$H,5,0))</f>
        <v/>
      </c>
      <c r="G38" s="59" t="str">
        <f>IF(B38="","",VLOOKUP(B38,'2. Gerenciamento'!C:T,18,0))</f>
        <v/>
      </c>
      <c r="H38" s="74" t="str">
        <f>IF(B38="","",VLOOKUP(B38,'2. Gerenciamento'!C:AC,21,0))</f>
        <v/>
      </c>
      <c r="I38" s="73" t="str">
        <f>IF($B38="","",VLOOKUP($B38,'2. Gerenciamento'!$C:$AC,23,0))</f>
        <v/>
      </c>
      <c r="J38" s="73" t="str">
        <f>IF($B38="","",VLOOKUP($B38,'2. Gerenciamento'!$C:$AC,24,0))</f>
        <v/>
      </c>
      <c r="K38" s="73" t="str">
        <f>IF($B38="","",VLOOKUP($B38,'2. Gerenciamento'!$C:$AC,25,0))</f>
        <v/>
      </c>
      <c r="L38" s="77" t="str">
        <f>IF($B38="","",VLOOKUP($B38,'2. Gerenciamento'!$C:$AC,26,0))</f>
        <v/>
      </c>
      <c r="M38" s="77" t="str">
        <f>IF($B38="","",VLOOKUP($B38,'2. Gerenciamento'!$C:$AC,27,0))</f>
        <v/>
      </c>
      <c r="N38" s="17"/>
      <c r="O38" s="16"/>
      <c r="P38" s="16"/>
    </row>
    <row r="39" spans="1:16">
      <c r="A39" s="2"/>
      <c r="B39" s="56"/>
      <c r="C39" s="59" t="str">
        <f>IF($B39="","",VLOOKUP($B39,'2. Gerenciamento'!$C:$H,2,0))</f>
        <v/>
      </c>
      <c r="D39" s="59" t="str">
        <f>IF($B39="","",VLOOKUP($B39,'2. Gerenciamento'!$C:$H,3,0))</f>
        <v/>
      </c>
      <c r="E39" s="59" t="str">
        <f>IF($B39="","",VLOOKUP($B39,'2. Gerenciamento'!$C:$H,4,0))</f>
        <v/>
      </c>
      <c r="F39" s="59" t="str">
        <f>IF($B39="","",VLOOKUP($B39,'2. Gerenciamento'!$C:$H,5,0))</f>
        <v/>
      </c>
      <c r="G39" s="59" t="str">
        <f>IF(B39="","",VLOOKUP(B39,'2. Gerenciamento'!C:T,18,0))</f>
        <v/>
      </c>
      <c r="H39" s="74" t="str">
        <f>IF(B39="","",VLOOKUP(B39,'2. Gerenciamento'!C:AC,21,0))</f>
        <v/>
      </c>
      <c r="I39" s="73" t="str">
        <f>IF($B39="","",VLOOKUP($B39,'2. Gerenciamento'!$C:$AC,23,0))</f>
        <v/>
      </c>
      <c r="J39" s="73" t="str">
        <f>IF($B39="","",VLOOKUP($B39,'2. Gerenciamento'!$C:$AC,24,0))</f>
        <v/>
      </c>
      <c r="K39" s="73" t="str">
        <f>IF($B39="","",VLOOKUP($B39,'2. Gerenciamento'!$C:$AC,25,0))</f>
        <v/>
      </c>
      <c r="L39" s="77" t="str">
        <f>IF($B39="","",VLOOKUP($B39,'2. Gerenciamento'!$C:$AC,26,0))</f>
        <v/>
      </c>
      <c r="M39" s="77" t="str">
        <f>IF($B39="","",VLOOKUP($B39,'2. Gerenciamento'!$C:$AC,27,0))</f>
        <v/>
      </c>
      <c r="N39" s="17"/>
      <c r="O39" s="16"/>
      <c r="P39" s="16"/>
    </row>
    <row r="40" spans="1:16">
      <c r="A40" s="2"/>
      <c r="B40" s="56"/>
      <c r="C40" s="59" t="str">
        <f>IF($B40="","",VLOOKUP($B40,'2. Gerenciamento'!$C:$H,2,0))</f>
        <v/>
      </c>
      <c r="D40" s="59" t="str">
        <f>IF($B40="","",VLOOKUP($B40,'2. Gerenciamento'!$C:$H,3,0))</f>
        <v/>
      </c>
      <c r="E40" s="59" t="str">
        <f>IF($B40="","",VLOOKUP($B40,'2. Gerenciamento'!$C:$H,4,0))</f>
        <v/>
      </c>
      <c r="F40" s="59" t="str">
        <f>IF($B40="","",VLOOKUP($B40,'2. Gerenciamento'!$C:$H,5,0))</f>
        <v/>
      </c>
      <c r="G40" s="59" t="str">
        <f>IF(B40="","",VLOOKUP(B40,'2. Gerenciamento'!C:T,18,0))</f>
        <v/>
      </c>
      <c r="H40" s="74" t="str">
        <f>IF(B40="","",VLOOKUP(B40,'2. Gerenciamento'!C:AC,21,0))</f>
        <v/>
      </c>
      <c r="I40" s="73" t="str">
        <f>IF($B40="","",VLOOKUP($B40,'2. Gerenciamento'!$C:$AC,23,0))</f>
        <v/>
      </c>
      <c r="J40" s="73" t="str">
        <f>IF($B40="","",VLOOKUP($B40,'2. Gerenciamento'!$C:$AC,24,0))</f>
        <v/>
      </c>
      <c r="K40" s="73" t="str">
        <f>IF($B40="","",VLOOKUP($B40,'2. Gerenciamento'!$C:$AC,25,0))</f>
        <v/>
      </c>
      <c r="L40" s="77" t="str">
        <f>IF($B40="","",VLOOKUP($B40,'2. Gerenciamento'!$C:$AC,26,0))</f>
        <v/>
      </c>
      <c r="M40" s="77" t="str">
        <f>IF($B40="","",VLOOKUP($B40,'2. Gerenciamento'!$C:$AC,27,0))</f>
        <v/>
      </c>
      <c r="N40" s="17"/>
      <c r="O40" s="16"/>
      <c r="P40" s="16"/>
    </row>
    <row r="41" spans="1:16">
      <c r="A41" s="2"/>
      <c r="B41" s="56"/>
      <c r="C41" s="59" t="str">
        <f>IF($B41="","",VLOOKUP($B41,'2. Gerenciamento'!$C:$H,2,0))</f>
        <v/>
      </c>
      <c r="D41" s="59" t="str">
        <f>IF($B41="","",VLOOKUP($B41,'2. Gerenciamento'!$C:$H,3,0))</f>
        <v/>
      </c>
      <c r="E41" s="59" t="str">
        <f>IF($B41="","",VLOOKUP($B41,'2. Gerenciamento'!$C:$H,4,0))</f>
        <v/>
      </c>
      <c r="F41" s="59" t="str">
        <f>IF($B41="","",VLOOKUP($B41,'2. Gerenciamento'!$C:$H,5,0))</f>
        <v/>
      </c>
      <c r="G41" s="59" t="str">
        <f>IF(B41="","",VLOOKUP(B41,'2. Gerenciamento'!C:T,18,0))</f>
        <v/>
      </c>
      <c r="H41" s="74" t="str">
        <f>IF(B41="","",VLOOKUP(B41,'2. Gerenciamento'!C:AC,21,0))</f>
        <v/>
      </c>
      <c r="I41" s="73" t="str">
        <f>IF($B41="","",VLOOKUP($B41,'2. Gerenciamento'!$C:$AC,23,0))</f>
        <v/>
      </c>
      <c r="J41" s="73" t="str">
        <f>IF($B41="","",VLOOKUP($B41,'2. Gerenciamento'!$C:$AC,24,0))</f>
        <v/>
      </c>
      <c r="K41" s="73" t="str">
        <f>IF($B41="","",VLOOKUP($B41,'2. Gerenciamento'!$C:$AC,25,0))</f>
        <v/>
      </c>
      <c r="L41" s="77" t="str">
        <f>IF($B41="","",VLOOKUP($B41,'2. Gerenciamento'!$C:$AC,26,0))</f>
        <v/>
      </c>
      <c r="M41" s="77" t="str">
        <f>IF($B41="","",VLOOKUP($B41,'2. Gerenciamento'!$C:$AC,27,0))</f>
        <v/>
      </c>
      <c r="N41" s="17"/>
      <c r="O41" s="16"/>
      <c r="P41" s="16"/>
    </row>
    <row r="42" spans="1:16">
      <c r="A42" s="2"/>
      <c r="B42" s="56"/>
      <c r="C42" s="59" t="str">
        <f>IF($B42="","",VLOOKUP($B42,'2. Gerenciamento'!$C:$H,2,0))</f>
        <v/>
      </c>
      <c r="D42" s="59" t="str">
        <f>IF($B42="","",VLOOKUP($B42,'2. Gerenciamento'!$C:$H,3,0))</f>
        <v/>
      </c>
      <c r="E42" s="59" t="str">
        <f>IF($B42="","",VLOOKUP($B42,'2. Gerenciamento'!$C:$H,4,0))</f>
        <v/>
      </c>
      <c r="F42" s="59" t="str">
        <f>IF($B42="","",VLOOKUP($B42,'2. Gerenciamento'!$C:$H,5,0))</f>
        <v/>
      </c>
      <c r="G42" s="59" t="str">
        <f>IF(B42="","",VLOOKUP(B42,'2. Gerenciamento'!C:T,18,0))</f>
        <v/>
      </c>
      <c r="H42" s="74" t="str">
        <f>IF(B42="","",VLOOKUP(B42,'2. Gerenciamento'!C:AC,21,0))</f>
        <v/>
      </c>
      <c r="I42" s="73" t="str">
        <f>IF($B42="","",VLOOKUP($B42,'2. Gerenciamento'!$C:$AC,23,0))</f>
        <v/>
      </c>
      <c r="J42" s="73" t="str">
        <f>IF($B42="","",VLOOKUP($B42,'2. Gerenciamento'!$C:$AC,24,0))</f>
        <v/>
      </c>
      <c r="K42" s="73" t="str">
        <f>IF($B42="","",VLOOKUP($B42,'2. Gerenciamento'!$C:$AC,25,0))</f>
        <v/>
      </c>
      <c r="L42" s="77" t="str">
        <f>IF($B42="","",VLOOKUP($B42,'2. Gerenciamento'!$C:$AC,26,0))</f>
        <v/>
      </c>
      <c r="M42" s="77" t="str">
        <f>IF($B42="","",VLOOKUP($B42,'2. Gerenciamento'!$C:$AC,27,0))</f>
        <v/>
      </c>
      <c r="N42" s="17"/>
      <c r="O42" s="16"/>
      <c r="P42" s="16"/>
    </row>
    <row r="43" spans="1:16">
      <c r="A43" s="2"/>
      <c r="B43" s="56"/>
      <c r="C43" s="59" t="str">
        <f>IF($B43="","",VLOOKUP($B43,'2. Gerenciamento'!$C:$H,2,0))</f>
        <v/>
      </c>
      <c r="D43" s="59" t="str">
        <f>IF($B43="","",VLOOKUP($B43,'2. Gerenciamento'!$C:$H,3,0))</f>
        <v/>
      </c>
      <c r="E43" s="59" t="str">
        <f>IF($B43="","",VLOOKUP($B43,'2. Gerenciamento'!$C:$H,4,0))</f>
        <v/>
      </c>
      <c r="F43" s="59" t="str">
        <f>IF($B43="","",VLOOKUP($B43,'2. Gerenciamento'!$C:$H,5,0))</f>
        <v/>
      </c>
      <c r="G43" s="59" t="str">
        <f>IF(B43="","",VLOOKUP(B43,'2. Gerenciamento'!C:T,18,0))</f>
        <v/>
      </c>
      <c r="H43" s="74" t="str">
        <f>IF(B43="","",VLOOKUP(B43,'2. Gerenciamento'!C:AC,21,0))</f>
        <v/>
      </c>
      <c r="I43" s="73" t="str">
        <f>IF($B43="","",VLOOKUP($B43,'2. Gerenciamento'!$C:$AC,23,0))</f>
        <v/>
      </c>
      <c r="J43" s="73" t="str">
        <f>IF($B43="","",VLOOKUP($B43,'2. Gerenciamento'!$C:$AC,24,0))</f>
        <v/>
      </c>
      <c r="K43" s="73" t="str">
        <f>IF($B43="","",VLOOKUP($B43,'2. Gerenciamento'!$C:$AC,25,0))</f>
        <v/>
      </c>
      <c r="L43" s="77" t="str">
        <f>IF($B43="","",VLOOKUP($B43,'2. Gerenciamento'!$C:$AC,26,0))</f>
        <v/>
      </c>
      <c r="M43" s="77" t="str">
        <f>IF($B43="","",VLOOKUP($B43,'2. Gerenciamento'!$C:$AC,27,0))</f>
        <v/>
      </c>
      <c r="N43" s="17"/>
      <c r="O43" s="16"/>
      <c r="P43" s="16"/>
    </row>
    <row r="44" spans="1:16">
      <c r="A44" s="2"/>
      <c r="B44" s="56"/>
      <c r="C44" s="59" t="str">
        <f>IF($B44="","",VLOOKUP($B44,'2. Gerenciamento'!$C:$H,2,0))</f>
        <v/>
      </c>
      <c r="D44" s="59" t="str">
        <f>IF($B44="","",VLOOKUP($B44,'2. Gerenciamento'!$C:$H,3,0))</f>
        <v/>
      </c>
      <c r="E44" s="59" t="str">
        <f>IF($B44="","",VLOOKUP($B44,'2. Gerenciamento'!$C:$H,4,0))</f>
        <v/>
      </c>
      <c r="F44" s="59" t="str">
        <f>IF($B44="","",VLOOKUP($B44,'2. Gerenciamento'!$C:$H,5,0))</f>
        <v/>
      </c>
      <c r="G44" s="59" t="str">
        <f>IF(B44="","",VLOOKUP(B44,'2. Gerenciamento'!C:T,18,0))</f>
        <v/>
      </c>
      <c r="H44" s="74" t="str">
        <f>IF(B44="","",VLOOKUP(B44,'2. Gerenciamento'!C:AC,21,0))</f>
        <v/>
      </c>
      <c r="I44" s="73" t="str">
        <f>IF($B44="","",VLOOKUP($B44,'2. Gerenciamento'!$C:$AC,23,0))</f>
        <v/>
      </c>
      <c r="J44" s="73" t="str">
        <f>IF($B44="","",VLOOKUP($B44,'2. Gerenciamento'!$C:$AC,24,0))</f>
        <v/>
      </c>
      <c r="K44" s="73" t="str">
        <f>IF($B44="","",VLOOKUP($B44,'2. Gerenciamento'!$C:$AC,25,0))</f>
        <v/>
      </c>
      <c r="L44" s="77" t="str">
        <f>IF($B44="","",VLOOKUP($B44,'2. Gerenciamento'!$C:$AC,26,0))</f>
        <v/>
      </c>
      <c r="M44" s="77" t="str">
        <f>IF($B44="","",VLOOKUP($B44,'2. Gerenciamento'!$C:$AC,27,0))</f>
        <v/>
      </c>
      <c r="N44" s="17"/>
      <c r="O44" s="16"/>
      <c r="P44" s="16"/>
    </row>
    <row r="45" spans="1:16">
      <c r="A45" s="2"/>
      <c r="B45" s="56"/>
      <c r="C45" s="59" t="str">
        <f>IF($B45="","",VLOOKUP($B45,'2. Gerenciamento'!$C:$H,2,0))</f>
        <v/>
      </c>
      <c r="D45" s="59" t="str">
        <f>IF($B45="","",VLOOKUP($B45,'2. Gerenciamento'!$C:$H,3,0))</f>
        <v/>
      </c>
      <c r="E45" s="59" t="str">
        <f>IF($B45="","",VLOOKUP($B45,'2. Gerenciamento'!$C:$H,4,0))</f>
        <v/>
      </c>
      <c r="F45" s="59" t="str">
        <f>IF($B45="","",VLOOKUP($B45,'2. Gerenciamento'!$C:$H,5,0))</f>
        <v/>
      </c>
      <c r="G45" s="59" t="str">
        <f>IF(B45="","",VLOOKUP(B45,'2. Gerenciamento'!C:T,18,0))</f>
        <v/>
      </c>
      <c r="H45" s="74" t="str">
        <f>IF(B45="","",VLOOKUP(B45,'2. Gerenciamento'!C:AC,21,0))</f>
        <v/>
      </c>
      <c r="I45" s="73" t="str">
        <f>IF($B45="","",VLOOKUP($B45,'2. Gerenciamento'!$C:$AC,23,0))</f>
        <v/>
      </c>
      <c r="J45" s="73" t="str">
        <f>IF($B45="","",VLOOKUP($B45,'2. Gerenciamento'!$C:$AC,24,0))</f>
        <v/>
      </c>
      <c r="K45" s="73" t="str">
        <f>IF($B45="","",VLOOKUP($B45,'2. Gerenciamento'!$C:$AC,25,0))</f>
        <v/>
      </c>
      <c r="L45" s="77" t="str">
        <f>IF($B45="","",VLOOKUP($B45,'2. Gerenciamento'!$C:$AC,26,0))</f>
        <v/>
      </c>
      <c r="M45" s="77" t="str">
        <f>IF($B45="","",VLOOKUP($B45,'2. Gerenciamento'!$C:$AC,27,0))</f>
        <v/>
      </c>
      <c r="N45" s="17"/>
      <c r="O45" s="16"/>
      <c r="P45" s="16"/>
    </row>
    <row r="46" spans="1:16">
      <c r="A46" s="2"/>
      <c r="B46" s="56"/>
      <c r="C46" s="59" t="str">
        <f>IF($B46="","",VLOOKUP($B46,'2. Gerenciamento'!$C:$H,2,0))</f>
        <v/>
      </c>
      <c r="D46" s="59" t="str">
        <f>IF($B46="","",VLOOKUP($B46,'2. Gerenciamento'!$C:$H,3,0))</f>
        <v/>
      </c>
      <c r="E46" s="59" t="str">
        <f>IF($B46="","",VLOOKUP($B46,'2. Gerenciamento'!$C:$H,4,0))</f>
        <v/>
      </c>
      <c r="F46" s="59" t="str">
        <f>IF($B46="","",VLOOKUP($B46,'2. Gerenciamento'!$C:$H,5,0))</f>
        <v/>
      </c>
      <c r="G46" s="59" t="str">
        <f>IF(B46="","",VLOOKUP(B46,'2. Gerenciamento'!C:T,18,0))</f>
        <v/>
      </c>
      <c r="H46" s="74" t="str">
        <f>IF(B46="","",VLOOKUP(B46,'2. Gerenciamento'!C:AC,21,0))</f>
        <v/>
      </c>
      <c r="I46" s="73" t="str">
        <f>IF($B46="","",VLOOKUP($B46,'2. Gerenciamento'!$C:$AC,23,0))</f>
        <v/>
      </c>
      <c r="J46" s="73" t="str">
        <f>IF($B46="","",VLOOKUP($B46,'2. Gerenciamento'!$C:$AC,24,0))</f>
        <v/>
      </c>
      <c r="K46" s="73" t="str">
        <f>IF($B46="","",VLOOKUP($B46,'2. Gerenciamento'!$C:$AC,25,0))</f>
        <v/>
      </c>
      <c r="L46" s="77" t="str">
        <f>IF($B46="","",VLOOKUP($B46,'2. Gerenciamento'!$C:$AC,26,0))</f>
        <v/>
      </c>
      <c r="M46" s="77" t="str">
        <f>IF($B46="","",VLOOKUP($B46,'2. Gerenciamento'!$C:$AC,27,0))</f>
        <v/>
      </c>
      <c r="N46" s="17"/>
      <c r="O46" s="16"/>
      <c r="P46" s="16"/>
    </row>
    <row r="47" spans="1:16">
      <c r="A47" s="2"/>
      <c r="B47" s="56"/>
      <c r="C47" s="59" t="str">
        <f>IF($B47="","",VLOOKUP($B47,'2. Gerenciamento'!$C:$H,2,0))</f>
        <v/>
      </c>
      <c r="D47" s="59" t="str">
        <f>IF($B47="","",VLOOKUP($B47,'2. Gerenciamento'!$C:$H,3,0))</f>
        <v/>
      </c>
      <c r="E47" s="59" t="str">
        <f>IF($B47="","",VLOOKUP($B47,'2. Gerenciamento'!$C:$H,4,0))</f>
        <v/>
      </c>
      <c r="F47" s="59" t="str">
        <f>IF($B47="","",VLOOKUP($B47,'2. Gerenciamento'!$C:$H,5,0))</f>
        <v/>
      </c>
      <c r="G47" s="59" t="str">
        <f>IF(B47="","",VLOOKUP(B47,'2. Gerenciamento'!C:T,18,0))</f>
        <v/>
      </c>
      <c r="H47" s="74" t="str">
        <f>IF(B47="","",VLOOKUP(B47,'2. Gerenciamento'!C:AC,21,0))</f>
        <v/>
      </c>
      <c r="I47" s="73" t="str">
        <f>IF($B47="","",VLOOKUP($B47,'2. Gerenciamento'!$C:$AC,23,0))</f>
        <v/>
      </c>
      <c r="J47" s="73" t="str">
        <f>IF($B47="","",VLOOKUP($B47,'2. Gerenciamento'!$C:$AC,24,0))</f>
        <v/>
      </c>
      <c r="K47" s="73" t="str">
        <f>IF($B47="","",VLOOKUP($B47,'2. Gerenciamento'!$C:$AC,25,0))</f>
        <v/>
      </c>
      <c r="L47" s="77" t="str">
        <f>IF($B47="","",VLOOKUP($B47,'2. Gerenciamento'!$C:$AC,26,0))</f>
        <v/>
      </c>
      <c r="M47" s="77" t="str">
        <f>IF($B47="","",VLOOKUP($B47,'2. Gerenciamento'!$C:$AC,27,0))</f>
        <v/>
      </c>
      <c r="N47" s="17"/>
      <c r="O47" s="16"/>
      <c r="P47" s="16"/>
    </row>
    <row r="48" spans="1:16">
      <c r="A48" s="2"/>
      <c r="B48" s="56"/>
      <c r="C48" s="59" t="str">
        <f>IF($B48="","",VLOOKUP($B48,'2. Gerenciamento'!$C:$H,2,0))</f>
        <v/>
      </c>
      <c r="D48" s="59" t="str">
        <f>IF($B48="","",VLOOKUP($B48,'2. Gerenciamento'!$C:$H,3,0))</f>
        <v/>
      </c>
      <c r="E48" s="59" t="str">
        <f>IF($B48="","",VLOOKUP($B48,'2. Gerenciamento'!$C:$H,4,0))</f>
        <v/>
      </c>
      <c r="F48" s="59" t="str">
        <f>IF($B48="","",VLOOKUP($B48,'2. Gerenciamento'!$C:$H,5,0))</f>
        <v/>
      </c>
      <c r="G48" s="59" t="str">
        <f>IF(B48="","",VLOOKUP(B48,'2. Gerenciamento'!C:T,18,0))</f>
        <v/>
      </c>
      <c r="H48" s="74" t="str">
        <f>IF(B48="","",VLOOKUP(B48,'2. Gerenciamento'!C:AC,21,0))</f>
        <v/>
      </c>
      <c r="I48" s="73" t="str">
        <f>IF($B48="","",VLOOKUP($B48,'2. Gerenciamento'!$C:$AC,23,0))</f>
        <v/>
      </c>
      <c r="J48" s="73" t="str">
        <f>IF($B48="","",VLOOKUP($B48,'2. Gerenciamento'!$C:$AC,24,0))</f>
        <v/>
      </c>
      <c r="K48" s="73" t="str">
        <f>IF($B48="","",VLOOKUP($B48,'2. Gerenciamento'!$C:$AC,25,0))</f>
        <v/>
      </c>
      <c r="L48" s="77" t="str">
        <f>IF($B48="","",VLOOKUP($B48,'2. Gerenciamento'!$C:$AC,26,0))</f>
        <v/>
      </c>
      <c r="M48" s="77" t="str">
        <f>IF($B48="","",VLOOKUP($B48,'2. Gerenciamento'!$C:$AC,27,0))</f>
        <v/>
      </c>
      <c r="N48" s="17"/>
      <c r="O48" s="16"/>
      <c r="P48" s="16"/>
    </row>
    <row r="49" spans="1:16">
      <c r="A49" s="2"/>
      <c r="B49" s="56"/>
      <c r="C49" s="59" t="str">
        <f>IF($B49="","",VLOOKUP($B49,'2. Gerenciamento'!$C:$H,2,0))</f>
        <v/>
      </c>
      <c r="D49" s="59" t="str">
        <f>IF($B49="","",VLOOKUP($B49,'2. Gerenciamento'!$C:$H,3,0))</f>
        <v/>
      </c>
      <c r="E49" s="59" t="str">
        <f>IF($B49="","",VLOOKUP($B49,'2. Gerenciamento'!$C:$H,4,0))</f>
        <v/>
      </c>
      <c r="F49" s="59" t="str">
        <f>IF($B49="","",VLOOKUP($B49,'2. Gerenciamento'!$C:$H,5,0))</f>
        <v/>
      </c>
      <c r="G49" s="59" t="str">
        <f>IF(B49="","",VLOOKUP(B49,'2. Gerenciamento'!C:T,18,0))</f>
        <v/>
      </c>
      <c r="H49" s="74" t="str">
        <f>IF(B49="","",VLOOKUP(B49,'2. Gerenciamento'!C:AC,21,0))</f>
        <v/>
      </c>
      <c r="I49" s="73" t="str">
        <f>IF($B49="","",VLOOKUP($B49,'2. Gerenciamento'!$C:$AC,23,0))</f>
        <v/>
      </c>
      <c r="J49" s="73" t="str">
        <f>IF($B49="","",VLOOKUP($B49,'2. Gerenciamento'!$C:$AC,24,0))</f>
        <v/>
      </c>
      <c r="K49" s="73" t="str">
        <f>IF($B49="","",VLOOKUP($B49,'2. Gerenciamento'!$C:$AC,25,0))</f>
        <v/>
      </c>
      <c r="L49" s="77" t="str">
        <f>IF($B49="","",VLOOKUP($B49,'2. Gerenciamento'!$C:$AC,26,0))</f>
        <v/>
      </c>
      <c r="M49" s="77" t="str">
        <f>IF($B49="","",VLOOKUP($B49,'2. Gerenciamento'!$C:$AC,27,0))</f>
        <v/>
      </c>
      <c r="N49" s="17"/>
      <c r="O49" s="16"/>
      <c r="P49" s="16"/>
    </row>
    <row r="50" spans="1:16">
      <c r="A50" s="2"/>
      <c r="B50" s="56"/>
      <c r="C50" s="59" t="str">
        <f>IF($B50="","",VLOOKUP($B50,'2. Gerenciamento'!$C:$H,2,0))</f>
        <v/>
      </c>
      <c r="D50" s="59" t="str">
        <f>IF($B50="","",VLOOKUP($B50,'2. Gerenciamento'!$C:$H,3,0))</f>
        <v/>
      </c>
      <c r="E50" s="59" t="str">
        <f>IF($B50="","",VLOOKUP($B50,'2. Gerenciamento'!$C:$H,4,0))</f>
        <v/>
      </c>
      <c r="F50" s="59" t="str">
        <f>IF($B50="","",VLOOKUP($B50,'2. Gerenciamento'!$C:$H,5,0))</f>
        <v/>
      </c>
      <c r="G50" s="59" t="str">
        <f>IF(B50="","",VLOOKUP(B50,'2. Gerenciamento'!C:T,18,0))</f>
        <v/>
      </c>
      <c r="H50" s="74" t="str">
        <f>IF(B50="","",VLOOKUP(B50,'2. Gerenciamento'!C:AC,21,0))</f>
        <v/>
      </c>
      <c r="I50" s="73" t="str">
        <f>IF($B50="","",VLOOKUP($B50,'2. Gerenciamento'!$C:$AC,23,0))</f>
        <v/>
      </c>
      <c r="J50" s="73" t="str">
        <f>IF($B50="","",VLOOKUP($B50,'2. Gerenciamento'!$C:$AC,24,0))</f>
        <v/>
      </c>
      <c r="K50" s="73" t="str">
        <f>IF($B50="","",VLOOKUP($B50,'2. Gerenciamento'!$C:$AC,25,0))</f>
        <v/>
      </c>
      <c r="L50" s="77" t="str">
        <f>IF($B50="","",VLOOKUP($B50,'2. Gerenciamento'!$C:$AC,26,0))</f>
        <v/>
      </c>
      <c r="M50" s="77" t="str">
        <f>IF($B50="","",VLOOKUP($B50,'2. Gerenciamento'!$C:$AC,27,0))</f>
        <v/>
      </c>
      <c r="N50" s="17"/>
      <c r="O50" s="16"/>
      <c r="P50" s="16"/>
    </row>
    <row r="51" spans="1:16">
      <c r="A51" s="2"/>
      <c r="B51" s="56"/>
      <c r="C51" s="59" t="str">
        <f>IF($B51="","",VLOOKUP($B51,'2. Gerenciamento'!$C:$H,2,0))</f>
        <v/>
      </c>
      <c r="D51" s="59" t="str">
        <f>IF($B51="","",VLOOKUP($B51,'2. Gerenciamento'!$C:$H,3,0))</f>
        <v/>
      </c>
      <c r="E51" s="59" t="str">
        <f>IF($B51="","",VLOOKUP($B51,'2. Gerenciamento'!$C:$H,4,0))</f>
        <v/>
      </c>
      <c r="F51" s="59" t="str">
        <f>IF($B51="","",VLOOKUP($B51,'2. Gerenciamento'!$C:$H,5,0))</f>
        <v/>
      </c>
      <c r="G51" s="59" t="str">
        <f>IF(B51="","",VLOOKUP(B51,'2. Gerenciamento'!C:T,18,0))</f>
        <v/>
      </c>
      <c r="H51" s="74" t="str">
        <f>IF(B51="","",VLOOKUP(B51,'2. Gerenciamento'!C:AC,21,0))</f>
        <v/>
      </c>
      <c r="I51" s="73" t="str">
        <f>IF($B51="","",VLOOKUP($B51,'2. Gerenciamento'!$C:$AC,23,0))</f>
        <v/>
      </c>
      <c r="J51" s="73" t="str">
        <f>IF($B51="","",VLOOKUP($B51,'2. Gerenciamento'!$C:$AC,24,0))</f>
        <v/>
      </c>
      <c r="K51" s="73" t="str">
        <f>IF($B51="","",VLOOKUP($B51,'2. Gerenciamento'!$C:$AC,25,0))</f>
        <v/>
      </c>
      <c r="L51" s="77" t="str">
        <f>IF($B51="","",VLOOKUP($B51,'2. Gerenciamento'!$C:$AC,26,0))</f>
        <v/>
      </c>
      <c r="M51" s="77" t="str">
        <f>IF($B51="","",VLOOKUP($B51,'2. Gerenciamento'!$C:$AC,27,0))</f>
        <v/>
      </c>
      <c r="N51" s="17"/>
      <c r="O51" s="16"/>
      <c r="P51" s="16"/>
    </row>
    <row r="52" spans="1:16">
      <c r="A52" s="2"/>
      <c r="B52" s="56"/>
      <c r="C52" s="59" t="str">
        <f>IF($B52="","",VLOOKUP($B52,'2. Gerenciamento'!$C:$H,2,0))</f>
        <v/>
      </c>
      <c r="D52" s="59" t="str">
        <f>IF($B52="","",VLOOKUP($B52,'2. Gerenciamento'!$C:$H,3,0))</f>
        <v/>
      </c>
      <c r="E52" s="59" t="str">
        <f>IF($B52="","",VLOOKUP($B52,'2. Gerenciamento'!$C:$H,4,0))</f>
        <v/>
      </c>
      <c r="F52" s="59" t="str">
        <f>IF($B52="","",VLOOKUP($B52,'2. Gerenciamento'!$C:$H,5,0))</f>
        <v/>
      </c>
      <c r="G52" s="59" t="str">
        <f>IF(B52="","",VLOOKUP(B52,'2. Gerenciamento'!C:T,18,0))</f>
        <v/>
      </c>
      <c r="H52" s="74" t="str">
        <f>IF(B52="","",VLOOKUP(B52,'2. Gerenciamento'!C:AC,21,0))</f>
        <v/>
      </c>
      <c r="I52" s="73" t="str">
        <f>IF($B52="","",VLOOKUP($B52,'2. Gerenciamento'!$C:$AC,23,0))</f>
        <v/>
      </c>
      <c r="J52" s="73" t="str">
        <f>IF($B52="","",VLOOKUP($B52,'2. Gerenciamento'!$C:$AC,24,0))</f>
        <v/>
      </c>
      <c r="K52" s="73" t="str">
        <f>IF($B52="","",VLOOKUP($B52,'2. Gerenciamento'!$C:$AC,25,0))</f>
        <v/>
      </c>
      <c r="L52" s="77" t="str">
        <f>IF($B52="","",VLOOKUP($B52,'2. Gerenciamento'!$C:$AC,26,0))</f>
        <v/>
      </c>
      <c r="M52" s="77" t="str">
        <f>IF($B52="","",VLOOKUP($B52,'2. Gerenciamento'!$C:$AC,27,0))</f>
        <v/>
      </c>
      <c r="N52" s="17"/>
      <c r="O52" s="16"/>
      <c r="P52" s="16"/>
    </row>
    <row r="53" spans="1:16">
      <c r="A53" s="2"/>
      <c r="B53" s="56"/>
      <c r="C53" s="59" t="str">
        <f>IF($B53="","",VLOOKUP($B53,'2. Gerenciamento'!$C:$H,2,0))</f>
        <v/>
      </c>
      <c r="D53" s="59" t="str">
        <f>IF($B53="","",VLOOKUP($B53,'2. Gerenciamento'!$C:$H,3,0))</f>
        <v/>
      </c>
      <c r="E53" s="59" t="str">
        <f>IF($B53="","",VLOOKUP($B53,'2. Gerenciamento'!$C:$H,4,0))</f>
        <v/>
      </c>
      <c r="F53" s="59" t="str">
        <f>IF($B53="","",VLOOKUP($B53,'2. Gerenciamento'!$C:$H,5,0))</f>
        <v/>
      </c>
      <c r="G53" s="59" t="str">
        <f>IF(B53="","",VLOOKUP(B53,'2. Gerenciamento'!C:T,18,0))</f>
        <v/>
      </c>
      <c r="H53" s="74" t="str">
        <f>IF(B53="","",VLOOKUP(B53,'2. Gerenciamento'!C:AC,21,0))</f>
        <v/>
      </c>
      <c r="I53" s="73" t="str">
        <f>IF($B53="","",VLOOKUP($B53,'2. Gerenciamento'!$C:$AC,23,0))</f>
        <v/>
      </c>
      <c r="J53" s="73" t="str">
        <f>IF($B53="","",VLOOKUP($B53,'2. Gerenciamento'!$C:$AC,24,0))</f>
        <v/>
      </c>
      <c r="K53" s="73" t="str">
        <f>IF($B53="","",VLOOKUP($B53,'2. Gerenciamento'!$C:$AC,25,0))</f>
        <v/>
      </c>
      <c r="L53" s="77" t="str">
        <f>IF($B53="","",VLOOKUP($B53,'2. Gerenciamento'!$C:$AC,26,0))</f>
        <v/>
      </c>
      <c r="M53" s="77" t="str">
        <f>IF($B53="","",VLOOKUP($B53,'2. Gerenciamento'!$C:$AC,27,0))</f>
        <v/>
      </c>
      <c r="N53" s="17"/>
      <c r="O53" s="16"/>
      <c r="P53" s="16"/>
    </row>
    <row r="54" spans="1:16">
      <c r="A54" s="2"/>
      <c r="B54" s="56"/>
      <c r="C54" s="59" t="str">
        <f>IF($B54="","",VLOOKUP($B54,'2. Gerenciamento'!$C:$H,2,0))</f>
        <v/>
      </c>
      <c r="D54" s="59" t="str">
        <f>IF($B54="","",VLOOKUP($B54,'2. Gerenciamento'!$C:$H,3,0))</f>
        <v/>
      </c>
      <c r="E54" s="59" t="str">
        <f>IF($B54="","",VLOOKUP($B54,'2. Gerenciamento'!$C:$H,4,0))</f>
        <v/>
      </c>
      <c r="F54" s="59" t="str">
        <f>IF($B54="","",VLOOKUP($B54,'2. Gerenciamento'!$C:$H,5,0))</f>
        <v/>
      </c>
      <c r="G54" s="59" t="str">
        <f>IF(B54="","",VLOOKUP(B54,'2. Gerenciamento'!C:T,18,0))</f>
        <v/>
      </c>
      <c r="H54" s="74" t="str">
        <f>IF(B54="","",VLOOKUP(B54,'2. Gerenciamento'!C:AC,21,0))</f>
        <v/>
      </c>
      <c r="I54" s="73" t="str">
        <f>IF($B54="","",VLOOKUP($B54,'2. Gerenciamento'!$C:$AC,23,0))</f>
        <v/>
      </c>
      <c r="J54" s="73" t="str">
        <f>IF($B54="","",VLOOKUP($B54,'2. Gerenciamento'!$C:$AC,24,0))</f>
        <v/>
      </c>
      <c r="K54" s="73" t="str">
        <f>IF($B54="","",VLOOKUP($B54,'2. Gerenciamento'!$C:$AC,25,0))</f>
        <v/>
      </c>
      <c r="L54" s="77" t="str">
        <f>IF($B54="","",VLOOKUP($B54,'2. Gerenciamento'!$C:$AC,26,0))</f>
        <v/>
      </c>
      <c r="M54" s="77" t="str">
        <f>IF($B54="","",VLOOKUP($B54,'2. Gerenciamento'!$C:$AC,27,0))</f>
        <v/>
      </c>
      <c r="N54" s="17"/>
      <c r="O54" s="16"/>
      <c r="P54" s="16"/>
    </row>
    <row r="55" spans="1:16">
      <c r="A55" s="2"/>
      <c r="B55" s="57"/>
      <c r="C55" s="2"/>
      <c r="D55" s="2"/>
      <c r="E55" s="2"/>
      <c r="F55" s="2"/>
      <c r="G55" s="2"/>
      <c r="H55" s="2"/>
      <c r="I55" s="2"/>
    </row>
  </sheetData>
  <mergeCells count="1">
    <mergeCell ref="B2:P2"/>
  </mergeCells>
  <conditionalFormatting sqref="G4:G54">
    <cfRule type="cellIs" dxfId="14" priority="12" operator="equal">
      <formula>"CRÍTICO"</formula>
    </cfRule>
  </conditionalFormatting>
  <conditionalFormatting sqref="G4:G54">
    <cfRule type="cellIs" dxfId="13" priority="13" operator="equal">
      <formula>"MUITO ALTO"</formula>
    </cfRule>
  </conditionalFormatting>
  <conditionalFormatting sqref="G4:G54">
    <cfRule type="cellIs" dxfId="12" priority="14" operator="equal">
      <formula>"ALTO"</formula>
    </cfRule>
  </conditionalFormatting>
  <conditionalFormatting sqref="G4:G54">
    <cfRule type="cellIs" dxfId="11" priority="15" operator="equal">
      <formula>"MÉDIO"</formula>
    </cfRule>
  </conditionalFormatting>
  <conditionalFormatting sqref="G4:G54">
    <cfRule type="cellIs" dxfId="10" priority="16" operator="equal">
      <formula>"BAIXO"</formula>
    </cfRule>
  </conditionalFormatting>
  <conditionalFormatting sqref="G4:G54">
    <cfRule type="cellIs" dxfId="9" priority="17" operator="equal">
      <formula>"MUITO BAIXO"</formula>
    </cfRule>
  </conditionalFormatting>
  <conditionalFormatting sqref="H4:H1048576">
    <cfRule type="cellIs" dxfId="8" priority="7" operator="equal">
      <formula>"TRANSFERIR/COMPARTILHAR"</formula>
    </cfRule>
    <cfRule type="cellIs" dxfId="7" priority="8" operator="equal">
      <formula>"REDUZIR"</formula>
    </cfRule>
    <cfRule type="cellIs" dxfId="6" priority="9" operator="equal">
      <formula>"ACEITAR"</formula>
    </cfRule>
  </conditionalFormatting>
  <conditionalFormatting sqref="H1 H3:H1048576">
    <cfRule type="cellIs" dxfId="5" priority="6" operator="equal">
      <formula>"EVITAR"</formula>
    </cfRule>
  </conditionalFormatting>
  <conditionalFormatting sqref="N4:N54">
    <cfRule type="cellIs" dxfId="4" priority="1" operator="equal">
      <formula>"Em andamento"</formula>
    </cfRule>
    <cfRule type="cellIs" dxfId="3" priority="2" operator="equal">
      <formula>"Concluído"</formula>
    </cfRule>
    <cfRule type="cellIs" dxfId="2" priority="3" operator="equal">
      <formula>"A iniciar"</formula>
    </cfRule>
    <cfRule type="cellIs" dxfId="1" priority="4" operator="equal">
      <formula>"Descontinuado"</formula>
    </cfRule>
    <cfRule type="cellIs" dxfId="0" priority="5" operator="equal">
      <formula>"Atrasado"</formula>
    </cfRule>
  </conditionalFormatting>
  <dataValidations count="2">
    <dataValidation allowBlank="1" sqref="H4:H54"/>
    <dataValidation allowBlank="1" showDropDown="1" showErrorMessage="1" sqref="O4:P54"/>
  </dataValidations>
  <printOptions horizontalCentered="1"/>
  <pageMargins left="0" right="0" top="0.39370078740157483" bottom="0.39370078740157483" header="0" footer="0"/>
  <pageSetup paperSize="9" scale="55" fitToHeight="0" orientation="landscape" r:id="rId1"/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>
          <x14:formula1>
            <xm:f>'2. Gerenciamento'!$C$5:$C$54</xm:f>
          </x14:formula1>
          <xm:sqref>B4:B54</xm:sqref>
        </x14:dataValidation>
        <x14:dataValidation type="list" allowBlank="1" showInputMessage="1" showErrorMessage="1">
          <x14:formula1>
            <xm:f>Apoio!$Z$12:$Z$16</xm:f>
          </x14:formula1>
          <xm:sqref>N4:N54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Right="0"/>
  </sheetPr>
  <dimension ref="A1:Z615"/>
  <sheetViews>
    <sheetView showGridLines="0" zoomScaleNormal="100" workbookViewId="0">
      <pane ySplit="4" topLeftCell="A5" activePane="bottomLeft" state="frozen"/>
      <selection pane="bottomLeft" activeCell="C9" sqref="C9"/>
    </sheetView>
  </sheetViews>
  <sheetFormatPr defaultColWidth="12.5703125" defaultRowHeight="15" customHeight="1" outlineLevelCol="1"/>
  <cols>
    <col min="1" max="1" width="7" style="86" customWidth="1"/>
    <col min="2" max="2" width="28.85546875" style="86" customWidth="1" outlineLevel="1"/>
    <col min="3" max="3" width="42.7109375" style="86" customWidth="1" outlineLevel="1"/>
    <col min="4" max="4" width="13.7109375" style="86" customWidth="1" outlineLevel="1"/>
    <col min="5" max="5" width="11.140625" style="86" customWidth="1" outlineLevel="1"/>
    <col min="6" max="6" width="22.5703125" style="86" customWidth="1" outlineLevel="1"/>
    <col min="7" max="7" width="5.85546875" style="86" customWidth="1"/>
    <col min="8" max="8" width="6.28515625" style="86" customWidth="1" outlineLevel="1"/>
    <col min="9" max="9" width="11.140625" style="86" customWidth="1" outlineLevel="1"/>
    <col min="10" max="10" width="9.140625" style="86" customWidth="1" outlineLevel="1"/>
    <col min="11" max="14" width="10.42578125" style="86" customWidth="1" outlineLevel="1"/>
    <col min="15" max="16" width="9.42578125" style="86" customWidth="1" outlineLevel="1"/>
    <col min="17" max="17" width="7" style="86" customWidth="1"/>
    <col min="18" max="18" width="18.7109375" style="86" customWidth="1" outlineLevel="1"/>
    <col min="19" max="19" width="13.7109375" style="86" customWidth="1" outlineLevel="1"/>
    <col min="20" max="22" width="8.85546875" style="86" customWidth="1" outlineLevel="1"/>
    <col min="23" max="23" width="12" style="86" customWidth="1" outlineLevel="1"/>
    <col min="24" max="24" width="8.85546875" style="86" bestFit="1" customWidth="1" outlineLevel="1"/>
    <col min="25" max="25" width="5.5703125" style="86" customWidth="1"/>
    <col min="26" max="26" width="14.7109375" style="86" customWidth="1" outlineLevel="1"/>
    <col min="27" max="16384" width="12.5703125" style="86"/>
  </cols>
  <sheetData>
    <row r="1" spans="1:26" s="164" customFormat="1" ht="81" customHeight="1">
      <c r="A1" s="163" t="s">
        <v>131</v>
      </c>
      <c r="B1" s="276" t="s">
        <v>14</v>
      </c>
      <c r="C1" s="277"/>
      <c r="D1" s="277"/>
      <c r="E1" s="277"/>
      <c r="F1" s="277"/>
      <c r="G1" s="163" t="s">
        <v>132</v>
      </c>
      <c r="H1" s="278" t="s">
        <v>15</v>
      </c>
      <c r="I1" s="277"/>
      <c r="J1" s="277"/>
      <c r="K1" s="277"/>
      <c r="L1" s="277"/>
      <c r="M1" s="277"/>
      <c r="N1" s="277"/>
      <c r="O1" s="277"/>
      <c r="P1" s="277"/>
      <c r="Q1" s="163" t="s">
        <v>133</v>
      </c>
      <c r="R1" s="279" t="s">
        <v>16</v>
      </c>
      <c r="S1" s="280"/>
      <c r="T1" s="280"/>
      <c r="U1" s="280"/>
      <c r="V1" s="280"/>
      <c r="W1" s="280"/>
      <c r="X1" s="280"/>
      <c r="Y1" s="163" t="s">
        <v>135</v>
      </c>
    </row>
    <row r="2" spans="1:26" ht="15" customHeight="1" thickBot="1">
      <c r="A2" s="87"/>
      <c r="B2" s="87"/>
      <c r="C2" s="87"/>
      <c r="D2" s="87"/>
      <c r="E2" s="87"/>
      <c r="F2" s="87"/>
      <c r="G2" s="87"/>
      <c r="H2" s="87"/>
      <c r="I2" s="87"/>
      <c r="J2" s="87"/>
      <c r="K2" s="87"/>
      <c r="L2" s="87"/>
      <c r="M2" s="87"/>
      <c r="N2" s="87"/>
      <c r="O2" s="87"/>
      <c r="P2" s="87"/>
      <c r="Q2" s="87"/>
      <c r="R2" s="87"/>
      <c r="S2" s="87"/>
      <c r="T2" s="87"/>
      <c r="U2" s="87"/>
      <c r="V2" s="87"/>
      <c r="W2" s="87"/>
      <c r="X2" s="87"/>
    </row>
    <row r="3" spans="1:26" ht="21.75" customHeight="1" thickBot="1">
      <c r="A3" s="87"/>
      <c r="B3" s="281" t="s">
        <v>2</v>
      </c>
      <c r="C3" s="282"/>
      <c r="D3" s="282"/>
      <c r="E3" s="282"/>
      <c r="F3" s="283"/>
      <c r="G3" s="87"/>
      <c r="H3" s="264" t="s">
        <v>17</v>
      </c>
      <c r="I3" s="265"/>
      <c r="J3" s="265"/>
      <c r="K3" s="265"/>
      <c r="L3" s="265"/>
      <c r="M3" s="265"/>
      <c r="N3" s="265"/>
      <c r="O3" s="265"/>
      <c r="P3" s="266"/>
      <c r="Q3" s="87"/>
      <c r="R3" s="284" t="s">
        <v>18</v>
      </c>
      <c r="S3" s="267" t="s">
        <v>19</v>
      </c>
      <c r="T3" s="265"/>
      <c r="U3" s="265"/>
      <c r="V3" s="265"/>
      <c r="W3" s="265"/>
      <c r="X3" s="266"/>
    </row>
    <row r="4" spans="1:26" ht="24" customHeight="1" thickBot="1">
      <c r="A4" s="87"/>
      <c r="B4" s="88" t="s">
        <v>3</v>
      </c>
      <c r="C4" s="89" t="s">
        <v>1</v>
      </c>
      <c r="D4" s="90" t="s">
        <v>20</v>
      </c>
      <c r="E4" s="90" t="s">
        <v>21</v>
      </c>
      <c r="F4" s="91" t="s">
        <v>134</v>
      </c>
      <c r="G4" s="87"/>
      <c r="H4" s="92" t="s">
        <v>22</v>
      </c>
      <c r="I4" s="268" t="s">
        <v>10</v>
      </c>
      <c r="J4" s="266"/>
      <c r="K4" s="268" t="s">
        <v>1</v>
      </c>
      <c r="L4" s="265"/>
      <c r="M4" s="265"/>
      <c r="N4" s="265"/>
      <c r="O4" s="265"/>
      <c r="P4" s="266"/>
      <c r="Q4" s="87"/>
      <c r="R4" s="285"/>
      <c r="S4" s="93" t="s">
        <v>26</v>
      </c>
      <c r="T4" s="94" t="s">
        <v>32</v>
      </c>
      <c r="U4" s="95" t="s">
        <v>33</v>
      </c>
      <c r="V4" s="96" t="s">
        <v>30</v>
      </c>
      <c r="W4" s="97" t="s">
        <v>24</v>
      </c>
      <c r="X4" s="98" t="s">
        <v>105</v>
      </c>
    </row>
    <row r="5" spans="1:26" ht="20.25" customHeight="1" thickBot="1">
      <c r="A5" s="87"/>
      <c r="B5" s="99" t="s">
        <v>23</v>
      </c>
      <c r="C5" s="100" t="s">
        <v>153</v>
      </c>
      <c r="D5" s="101" t="s">
        <v>24</v>
      </c>
      <c r="E5" s="101">
        <v>1</v>
      </c>
      <c r="F5" s="102">
        <v>0</v>
      </c>
      <c r="G5" s="87"/>
      <c r="H5" s="103">
        <v>1</v>
      </c>
      <c r="I5" s="269" t="s">
        <v>25</v>
      </c>
      <c r="J5" s="273"/>
      <c r="K5" s="269" t="s">
        <v>143</v>
      </c>
      <c r="L5" s="286"/>
      <c r="M5" s="286"/>
      <c r="N5" s="286"/>
      <c r="O5" s="286"/>
      <c r="P5" s="287"/>
      <c r="Q5" s="87"/>
      <c r="R5" s="168" t="s">
        <v>26</v>
      </c>
      <c r="S5" s="104" t="s">
        <v>27</v>
      </c>
      <c r="T5" s="105" t="s">
        <v>28</v>
      </c>
      <c r="U5" s="106" t="s">
        <v>28</v>
      </c>
      <c r="V5" s="106" t="s">
        <v>28</v>
      </c>
      <c r="W5" s="106" t="s">
        <v>28</v>
      </c>
      <c r="X5" s="107" t="s">
        <v>28</v>
      </c>
      <c r="Y5" s="108"/>
    </row>
    <row r="6" spans="1:26" ht="22.5" customHeight="1" thickBot="1">
      <c r="A6" s="87"/>
      <c r="B6" s="109" t="s">
        <v>29</v>
      </c>
      <c r="C6" s="110" t="s">
        <v>154</v>
      </c>
      <c r="D6" s="111" t="s">
        <v>30</v>
      </c>
      <c r="E6" s="111">
        <v>0.8</v>
      </c>
      <c r="F6" s="112">
        <v>0.2</v>
      </c>
      <c r="G6" s="87"/>
      <c r="H6" s="113">
        <v>2</v>
      </c>
      <c r="I6" s="258" t="s">
        <v>31</v>
      </c>
      <c r="J6" s="274"/>
      <c r="K6" s="258" t="s">
        <v>144</v>
      </c>
      <c r="L6" s="259"/>
      <c r="M6" s="259"/>
      <c r="N6" s="259"/>
      <c r="O6" s="259"/>
      <c r="P6" s="260"/>
      <c r="Q6" s="87"/>
      <c r="R6" s="169" t="s">
        <v>32</v>
      </c>
      <c r="S6" s="114" t="s">
        <v>27</v>
      </c>
      <c r="T6" s="115" t="s">
        <v>27</v>
      </c>
      <c r="U6" s="116" t="s">
        <v>28</v>
      </c>
      <c r="V6" s="117" t="s">
        <v>28</v>
      </c>
      <c r="W6" s="117" t="s">
        <v>28</v>
      </c>
      <c r="X6" s="118" t="s">
        <v>28</v>
      </c>
    </row>
    <row r="7" spans="1:26" ht="22.5" customHeight="1" thickBot="1">
      <c r="A7" s="87"/>
      <c r="B7" s="119" t="s">
        <v>5</v>
      </c>
      <c r="C7" s="110" t="s">
        <v>155</v>
      </c>
      <c r="D7" s="111" t="s">
        <v>33</v>
      </c>
      <c r="E7" s="111">
        <v>0.6</v>
      </c>
      <c r="F7" s="112">
        <v>0.4</v>
      </c>
      <c r="G7" s="87"/>
      <c r="H7" s="113">
        <v>5</v>
      </c>
      <c r="I7" s="258" t="s">
        <v>34</v>
      </c>
      <c r="J7" s="274"/>
      <c r="K7" s="258" t="s">
        <v>145</v>
      </c>
      <c r="L7" s="259"/>
      <c r="M7" s="259"/>
      <c r="N7" s="259"/>
      <c r="O7" s="259"/>
      <c r="P7" s="260"/>
      <c r="Q7" s="87"/>
      <c r="R7" s="170" t="s">
        <v>33</v>
      </c>
      <c r="S7" s="114" t="s">
        <v>27</v>
      </c>
      <c r="T7" s="120" t="s">
        <v>27</v>
      </c>
      <c r="U7" s="121" t="s">
        <v>27</v>
      </c>
      <c r="V7" s="117" t="s">
        <v>28</v>
      </c>
      <c r="W7" s="117" t="s">
        <v>28</v>
      </c>
      <c r="X7" s="118" t="s">
        <v>28</v>
      </c>
    </row>
    <row r="8" spans="1:26" ht="21" customHeight="1" thickBot="1">
      <c r="A8" s="87"/>
      <c r="B8" s="122" t="s">
        <v>35</v>
      </c>
      <c r="C8" s="110" t="s">
        <v>156</v>
      </c>
      <c r="D8" s="111" t="s">
        <v>32</v>
      </c>
      <c r="E8" s="111">
        <v>0.4</v>
      </c>
      <c r="F8" s="112">
        <v>0.6</v>
      </c>
      <c r="G8" s="87"/>
      <c r="H8" s="113">
        <v>8</v>
      </c>
      <c r="I8" s="258" t="s">
        <v>36</v>
      </c>
      <c r="J8" s="274"/>
      <c r="K8" s="258" t="s">
        <v>146</v>
      </c>
      <c r="L8" s="259"/>
      <c r="M8" s="259"/>
      <c r="N8" s="259"/>
      <c r="O8" s="259"/>
      <c r="P8" s="260"/>
      <c r="Q8" s="87"/>
      <c r="R8" s="171" t="s">
        <v>30</v>
      </c>
      <c r="S8" s="181" t="s">
        <v>27</v>
      </c>
      <c r="T8" s="180" t="s">
        <v>27</v>
      </c>
      <c r="U8" s="179" t="s">
        <v>27</v>
      </c>
      <c r="V8" s="185" t="s">
        <v>27</v>
      </c>
      <c r="W8" s="177" t="s">
        <v>28</v>
      </c>
      <c r="X8" s="118" t="s">
        <v>28</v>
      </c>
    </row>
    <row r="9" spans="1:26" ht="18.75" customHeight="1" thickBot="1">
      <c r="A9" s="87"/>
      <c r="B9" s="123" t="s">
        <v>37</v>
      </c>
      <c r="C9" s="124" t="s">
        <v>65</v>
      </c>
      <c r="D9" s="125" t="s">
        <v>26</v>
      </c>
      <c r="E9" s="125">
        <v>0.2</v>
      </c>
      <c r="F9" s="126">
        <v>0.8</v>
      </c>
      <c r="G9" s="87"/>
      <c r="H9" s="127">
        <v>10</v>
      </c>
      <c r="I9" s="261" t="s">
        <v>38</v>
      </c>
      <c r="J9" s="275"/>
      <c r="K9" s="261" t="s">
        <v>147</v>
      </c>
      <c r="L9" s="262"/>
      <c r="M9" s="262"/>
      <c r="N9" s="262"/>
      <c r="O9" s="262"/>
      <c r="P9" s="263"/>
      <c r="Q9" s="87"/>
      <c r="R9" s="189" t="s">
        <v>24</v>
      </c>
      <c r="S9" s="183" t="s">
        <v>27</v>
      </c>
      <c r="T9" s="182" t="s">
        <v>27</v>
      </c>
      <c r="U9" s="186" t="s">
        <v>27</v>
      </c>
      <c r="V9" s="187" t="s">
        <v>27</v>
      </c>
      <c r="W9" s="188" t="s">
        <v>27</v>
      </c>
      <c r="X9" s="178" t="s">
        <v>28</v>
      </c>
    </row>
    <row r="10" spans="1:26" ht="15.75" customHeight="1" thickBot="1">
      <c r="A10" s="87"/>
      <c r="B10" s="128"/>
      <c r="C10" s="129"/>
      <c r="D10" s="128"/>
      <c r="E10" s="128"/>
      <c r="F10" s="128"/>
      <c r="G10" s="87"/>
      <c r="H10" s="128"/>
      <c r="I10" s="128"/>
      <c r="J10" s="128"/>
      <c r="K10" s="128"/>
      <c r="L10" s="128"/>
      <c r="M10" s="128"/>
      <c r="N10" s="128"/>
      <c r="O10" s="128"/>
      <c r="P10" s="128"/>
      <c r="Q10" s="87"/>
      <c r="R10" s="190" t="s">
        <v>105</v>
      </c>
      <c r="S10" s="174" t="s">
        <v>27</v>
      </c>
      <c r="T10" s="184" t="s">
        <v>27</v>
      </c>
      <c r="U10" s="175" t="s">
        <v>27</v>
      </c>
      <c r="V10" s="176" t="s">
        <v>27</v>
      </c>
      <c r="W10" s="191" t="s">
        <v>27</v>
      </c>
      <c r="X10" s="192" t="s">
        <v>27</v>
      </c>
      <c r="Z10" s="108" t="s">
        <v>118</v>
      </c>
    </row>
    <row r="11" spans="1:26" s="173" customFormat="1" ht="30" customHeight="1" thickBot="1">
      <c r="A11" s="87"/>
      <c r="B11" s="172"/>
      <c r="C11" s="129"/>
      <c r="D11" s="172"/>
      <c r="E11" s="172"/>
      <c r="F11" s="172"/>
      <c r="G11" s="87"/>
      <c r="H11" s="172"/>
      <c r="I11" s="172"/>
      <c r="J11" s="172"/>
      <c r="K11" s="172"/>
      <c r="L11" s="172"/>
      <c r="M11" s="172"/>
      <c r="N11" s="172"/>
      <c r="O11" s="172"/>
      <c r="P11" s="172"/>
      <c r="Q11" s="87"/>
      <c r="R11" s="172"/>
      <c r="S11" s="172"/>
      <c r="T11" s="172"/>
      <c r="U11" s="172"/>
      <c r="V11" s="172"/>
      <c r="W11" s="172"/>
      <c r="X11" s="172"/>
      <c r="Z11" s="108"/>
    </row>
    <row r="12" spans="1:26" ht="13.5" thickBot="1">
      <c r="A12" s="87"/>
      <c r="B12" s="128"/>
      <c r="C12" s="130"/>
      <c r="D12" s="128"/>
      <c r="E12" s="128"/>
      <c r="F12" s="128"/>
      <c r="G12" s="87"/>
      <c r="H12" s="264" t="s">
        <v>39</v>
      </c>
      <c r="I12" s="265"/>
      <c r="J12" s="265"/>
      <c r="K12" s="265"/>
      <c r="L12" s="265"/>
      <c r="M12" s="265"/>
      <c r="N12" s="265"/>
      <c r="O12" s="265"/>
      <c r="P12" s="266"/>
      <c r="Q12" s="87"/>
      <c r="R12" s="131" t="s">
        <v>18</v>
      </c>
      <c r="S12" s="267" t="s">
        <v>40</v>
      </c>
      <c r="T12" s="265"/>
      <c r="U12" s="265"/>
      <c r="V12" s="265"/>
      <c r="W12" s="265"/>
      <c r="X12" s="266"/>
      <c r="Z12" s="86" t="s">
        <v>119</v>
      </c>
    </row>
    <row r="13" spans="1:26" ht="13.5" thickBot="1">
      <c r="A13" s="87"/>
      <c r="B13" s="128"/>
      <c r="C13" s="128"/>
      <c r="D13" s="128"/>
      <c r="E13" s="128"/>
      <c r="F13" s="128"/>
      <c r="G13" s="87"/>
      <c r="H13" s="92" t="s">
        <v>22</v>
      </c>
      <c r="I13" s="268" t="s">
        <v>6</v>
      </c>
      <c r="J13" s="266"/>
      <c r="K13" s="268" t="s">
        <v>1</v>
      </c>
      <c r="L13" s="265"/>
      <c r="M13" s="265"/>
      <c r="N13" s="265"/>
      <c r="O13" s="265"/>
      <c r="P13" s="266"/>
      <c r="Q13" s="87"/>
      <c r="R13" s="199" t="s">
        <v>26</v>
      </c>
      <c r="S13" s="254" t="s">
        <v>136</v>
      </c>
      <c r="T13" s="255"/>
      <c r="U13" s="255"/>
      <c r="V13" s="255"/>
      <c r="W13" s="255"/>
      <c r="X13" s="256"/>
      <c r="Z13" s="86" t="s">
        <v>120</v>
      </c>
    </row>
    <row r="14" spans="1:26" ht="13.5" thickBot="1">
      <c r="A14" s="87"/>
      <c r="B14" s="128"/>
      <c r="C14" s="128"/>
      <c r="D14" s="128"/>
      <c r="E14" s="128"/>
      <c r="F14" s="128"/>
      <c r="G14" s="87"/>
      <c r="H14" s="132">
        <v>1</v>
      </c>
      <c r="I14" s="272" t="s">
        <v>26</v>
      </c>
      <c r="J14" s="273"/>
      <c r="K14" s="269" t="s">
        <v>148</v>
      </c>
      <c r="L14" s="270"/>
      <c r="M14" s="270"/>
      <c r="N14" s="270"/>
      <c r="O14" s="270"/>
      <c r="P14" s="271"/>
      <c r="Q14" s="87"/>
      <c r="R14" s="200" t="s">
        <v>32</v>
      </c>
      <c r="S14" s="257" t="s">
        <v>137</v>
      </c>
      <c r="T14" s="252"/>
      <c r="U14" s="252"/>
      <c r="V14" s="252"/>
      <c r="W14" s="252"/>
      <c r="X14" s="253"/>
      <c r="Z14" s="86" t="s">
        <v>121</v>
      </c>
    </row>
    <row r="15" spans="1:26" ht="13.5" thickBot="1">
      <c r="A15" s="87"/>
      <c r="B15" s="128"/>
      <c r="C15" s="128"/>
      <c r="D15" s="128"/>
      <c r="E15" s="128"/>
      <c r="F15" s="128"/>
      <c r="G15" s="87"/>
      <c r="H15" s="133">
        <v>2</v>
      </c>
      <c r="I15" s="297" t="s">
        <v>32</v>
      </c>
      <c r="J15" s="274"/>
      <c r="K15" s="258" t="s">
        <v>149</v>
      </c>
      <c r="L15" s="290"/>
      <c r="M15" s="290"/>
      <c r="N15" s="290"/>
      <c r="O15" s="290"/>
      <c r="P15" s="291"/>
      <c r="Q15" s="87"/>
      <c r="R15" s="201" t="s">
        <v>33</v>
      </c>
      <c r="S15" s="251" t="s">
        <v>138</v>
      </c>
      <c r="T15" s="252"/>
      <c r="U15" s="252"/>
      <c r="V15" s="252"/>
      <c r="W15" s="252"/>
      <c r="X15" s="253"/>
      <c r="Z15" s="86" t="s">
        <v>122</v>
      </c>
    </row>
    <row r="16" spans="1:26" ht="13.5" thickBot="1">
      <c r="A16" s="87"/>
      <c r="B16" s="128"/>
      <c r="C16" s="128"/>
      <c r="D16" s="128"/>
      <c r="E16" s="128"/>
      <c r="F16" s="128"/>
      <c r="G16" s="87"/>
      <c r="H16" s="133">
        <v>5</v>
      </c>
      <c r="I16" s="297" t="s">
        <v>33</v>
      </c>
      <c r="J16" s="274"/>
      <c r="K16" s="258" t="s">
        <v>150</v>
      </c>
      <c r="L16" s="290"/>
      <c r="M16" s="290"/>
      <c r="N16" s="290"/>
      <c r="O16" s="290"/>
      <c r="P16" s="291"/>
      <c r="Q16" s="87"/>
      <c r="R16" s="202" t="s">
        <v>30</v>
      </c>
      <c r="S16" s="298" t="s">
        <v>139</v>
      </c>
      <c r="T16" s="252"/>
      <c r="U16" s="252"/>
      <c r="V16" s="252"/>
      <c r="W16" s="252"/>
      <c r="X16" s="253"/>
      <c r="Z16" s="86" t="s">
        <v>123</v>
      </c>
    </row>
    <row r="17" spans="1:24" ht="13.5" thickBot="1">
      <c r="A17" s="87"/>
      <c r="B17" s="128"/>
      <c r="C17" s="128"/>
      <c r="D17" s="128"/>
      <c r="E17" s="128"/>
      <c r="F17" s="128"/>
      <c r="G17" s="87"/>
      <c r="H17" s="133">
        <v>8</v>
      </c>
      <c r="I17" s="297" t="s">
        <v>30</v>
      </c>
      <c r="J17" s="274"/>
      <c r="K17" s="258" t="s">
        <v>151</v>
      </c>
      <c r="L17" s="290"/>
      <c r="M17" s="290"/>
      <c r="N17" s="290"/>
      <c r="O17" s="290"/>
      <c r="P17" s="291"/>
      <c r="Q17" s="87"/>
      <c r="R17" s="203" t="s">
        <v>24</v>
      </c>
      <c r="S17" s="299" t="s">
        <v>140</v>
      </c>
      <c r="T17" s="300"/>
      <c r="U17" s="300"/>
      <c r="V17" s="300"/>
      <c r="W17" s="300"/>
      <c r="X17" s="301"/>
    </row>
    <row r="18" spans="1:24" s="173" customFormat="1" ht="13.5" thickBot="1">
      <c r="A18" s="87"/>
      <c r="B18" s="172"/>
      <c r="C18" s="172"/>
      <c r="D18" s="172"/>
      <c r="E18" s="172"/>
      <c r="F18" s="172"/>
      <c r="G18" s="87"/>
      <c r="H18" s="193"/>
      <c r="I18" s="194"/>
      <c r="J18" s="195"/>
      <c r="K18" s="196"/>
      <c r="L18" s="197"/>
      <c r="M18" s="197"/>
      <c r="N18" s="197"/>
      <c r="O18" s="197"/>
      <c r="P18" s="198"/>
      <c r="Q18" s="87"/>
      <c r="R18" s="204" t="s">
        <v>105</v>
      </c>
      <c r="S18" s="303" t="s">
        <v>141</v>
      </c>
      <c r="T18" s="304"/>
      <c r="U18" s="304"/>
      <c r="V18" s="304"/>
      <c r="W18" s="304"/>
      <c r="X18" s="305"/>
    </row>
    <row r="19" spans="1:24" ht="45" customHeight="1" thickBot="1">
      <c r="A19" s="87"/>
      <c r="B19" s="128"/>
      <c r="C19" s="128"/>
      <c r="D19" s="128"/>
      <c r="E19" s="128"/>
      <c r="F19" s="128"/>
      <c r="G19" s="87"/>
      <c r="H19" s="134">
        <v>10</v>
      </c>
      <c r="I19" s="292" t="s">
        <v>24</v>
      </c>
      <c r="J19" s="275"/>
      <c r="K19" s="261" t="s">
        <v>152</v>
      </c>
      <c r="L19" s="293"/>
      <c r="M19" s="293"/>
      <c r="N19" s="293"/>
      <c r="O19" s="293"/>
      <c r="P19" s="294"/>
      <c r="Q19" s="87"/>
      <c r="R19" s="128"/>
      <c r="S19" s="128"/>
      <c r="T19" s="128"/>
      <c r="U19" s="128"/>
      <c r="V19" s="128"/>
      <c r="W19" s="128"/>
      <c r="X19" s="128"/>
    </row>
    <row r="20" spans="1:24" ht="45" customHeight="1" thickBot="1">
      <c r="A20" s="87"/>
      <c r="B20" s="128"/>
      <c r="C20" s="128"/>
      <c r="D20" s="128"/>
      <c r="E20" s="128"/>
      <c r="F20" s="128"/>
      <c r="G20" s="128"/>
      <c r="H20" s="128"/>
      <c r="I20" s="128"/>
      <c r="J20" s="128"/>
      <c r="K20" s="128"/>
      <c r="L20" s="128"/>
      <c r="M20" s="128"/>
      <c r="N20" s="128"/>
      <c r="O20" s="128"/>
      <c r="P20" s="128"/>
      <c r="Q20" s="87"/>
      <c r="R20" s="302" t="s">
        <v>41</v>
      </c>
      <c r="S20" s="128"/>
      <c r="T20" s="128"/>
      <c r="U20" s="128"/>
      <c r="V20" s="128"/>
      <c r="W20" s="128"/>
      <c r="X20" s="128"/>
    </row>
    <row r="21" spans="1:24" ht="45" customHeight="1" thickBot="1">
      <c r="A21" s="87"/>
      <c r="B21" s="128"/>
      <c r="C21" s="128"/>
      <c r="D21" s="128"/>
      <c r="E21" s="128"/>
      <c r="F21" s="128"/>
      <c r="G21" s="128"/>
      <c r="H21" s="264" t="s">
        <v>19</v>
      </c>
      <c r="I21" s="265"/>
      <c r="J21" s="265"/>
      <c r="K21" s="265"/>
      <c r="L21" s="265"/>
      <c r="M21" s="265"/>
      <c r="N21" s="266"/>
      <c r="O21" s="128"/>
      <c r="P21" s="128"/>
      <c r="Q21" s="87"/>
      <c r="R21" s="285"/>
      <c r="S21" s="128"/>
      <c r="T21" s="128"/>
      <c r="U21" s="128"/>
      <c r="V21" s="128"/>
      <c r="W21" s="128"/>
      <c r="X21" s="128"/>
    </row>
    <row r="22" spans="1:24" ht="63" customHeight="1" thickBot="1">
      <c r="A22" s="87"/>
      <c r="B22" s="128"/>
      <c r="C22" s="128"/>
      <c r="D22" s="128"/>
      <c r="E22" s="128"/>
      <c r="F22" s="128"/>
      <c r="G22" s="128"/>
      <c r="H22" s="268" t="s">
        <v>19</v>
      </c>
      <c r="I22" s="265"/>
      <c r="J22" s="266"/>
      <c r="K22" s="306" t="s">
        <v>42</v>
      </c>
      <c r="L22" s="266"/>
      <c r="M22" s="268" t="s">
        <v>43</v>
      </c>
      <c r="N22" s="266"/>
      <c r="O22" s="128"/>
      <c r="P22" s="128"/>
      <c r="Q22" s="87"/>
      <c r="R22" s="135" t="s">
        <v>44</v>
      </c>
      <c r="S22" s="136" t="s">
        <v>98</v>
      </c>
      <c r="T22" s="128"/>
      <c r="U22" s="128"/>
      <c r="V22" s="128"/>
      <c r="W22" s="128"/>
      <c r="X22" s="128"/>
    </row>
    <row r="23" spans="1:24" ht="45" customHeight="1" thickBot="1">
      <c r="A23" s="87"/>
      <c r="B23" s="128"/>
      <c r="C23" s="128"/>
      <c r="D23" s="128"/>
      <c r="E23" s="128"/>
      <c r="F23" s="128"/>
      <c r="G23" s="128"/>
      <c r="H23" s="296" t="s">
        <v>26</v>
      </c>
      <c r="I23" s="265"/>
      <c r="J23" s="266"/>
      <c r="K23" s="295">
        <v>0</v>
      </c>
      <c r="L23" s="273"/>
      <c r="M23" s="269">
        <v>2</v>
      </c>
      <c r="N23" s="287"/>
      <c r="O23" s="128"/>
      <c r="P23" s="128"/>
      <c r="Q23" s="87"/>
      <c r="R23" s="137" t="s">
        <v>103</v>
      </c>
      <c r="S23" s="136" t="s">
        <v>101</v>
      </c>
      <c r="T23" s="128"/>
      <c r="U23" s="128"/>
      <c r="V23" s="128"/>
      <c r="W23" s="128"/>
      <c r="X23" s="128"/>
    </row>
    <row r="24" spans="1:24" ht="64.5" thickBot="1">
      <c r="A24" s="87"/>
      <c r="B24" s="128"/>
      <c r="C24" s="128"/>
      <c r="D24" s="128"/>
      <c r="E24" s="128"/>
      <c r="F24" s="128"/>
      <c r="G24" s="128"/>
      <c r="H24" s="288" t="s">
        <v>32</v>
      </c>
      <c r="I24" s="265"/>
      <c r="J24" s="266"/>
      <c r="K24" s="289">
        <f t="shared" ref="K24:K28" si="0">M23</f>
        <v>2</v>
      </c>
      <c r="L24" s="274"/>
      <c r="M24" s="258">
        <v>9</v>
      </c>
      <c r="N24" s="260"/>
      <c r="O24" s="128"/>
      <c r="P24" s="128"/>
      <c r="Q24" s="87"/>
      <c r="R24" s="138" t="s">
        <v>102</v>
      </c>
      <c r="S24" s="136" t="s">
        <v>99</v>
      </c>
      <c r="T24" s="128"/>
      <c r="U24" s="128"/>
      <c r="V24" s="128"/>
      <c r="W24" s="128"/>
      <c r="X24" s="128"/>
    </row>
    <row r="25" spans="1:24" ht="45" customHeight="1" thickBot="1">
      <c r="A25" s="87"/>
      <c r="B25" s="128"/>
      <c r="C25" s="128"/>
      <c r="D25" s="128"/>
      <c r="E25" s="128"/>
      <c r="F25" s="128"/>
      <c r="G25" s="128"/>
      <c r="H25" s="307" t="s">
        <v>33</v>
      </c>
      <c r="I25" s="265"/>
      <c r="J25" s="266"/>
      <c r="K25" s="289">
        <f t="shared" si="0"/>
        <v>9</v>
      </c>
      <c r="L25" s="274"/>
      <c r="M25" s="258">
        <v>27</v>
      </c>
      <c r="N25" s="260"/>
      <c r="O25" s="128"/>
      <c r="P25" s="128"/>
      <c r="Q25" s="87"/>
      <c r="R25" s="139" t="s">
        <v>27</v>
      </c>
      <c r="S25" s="136" t="s">
        <v>100</v>
      </c>
      <c r="T25" s="128"/>
      <c r="U25" s="128"/>
      <c r="V25" s="128"/>
      <c r="W25" s="128"/>
      <c r="X25" s="128"/>
    </row>
    <row r="26" spans="1:24" ht="45" customHeight="1" thickBot="1">
      <c r="A26" s="87"/>
      <c r="B26" s="128"/>
      <c r="C26" s="128"/>
      <c r="D26" s="128"/>
      <c r="E26" s="128"/>
      <c r="F26" s="128"/>
      <c r="G26" s="128"/>
      <c r="H26" s="308" t="s">
        <v>30</v>
      </c>
      <c r="I26" s="265"/>
      <c r="J26" s="266"/>
      <c r="K26" s="289">
        <f t="shared" si="0"/>
        <v>27</v>
      </c>
      <c r="L26" s="274"/>
      <c r="M26" s="258">
        <v>60</v>
      </c>
      <c r="N26" s="260"/>
      <c r="O26" s="128"/>
      <c r="P26" s="128"/>
      <c r="Q26" s="87"/>
      <c r="R26" s="128"/>
      <c r="S26" s="128"/>
      <c r="T26" s="128"/>
      <c r="U26" s="128"/>
      <c r="V26" s="128"/>
      <c r="W26" s="128"/>
      <c r="X26" s="128"/>
    </row>
    <row r="27" spans="1:24" ht="45" customHeight="1" thickBot="1">
      <c r="A27" s="87"/>
      <c r="B27" s="128"/>
      <c r="C27" s="128"/>
      <c r="D27" s="128"/>
      <c r="E27" s="128"/>
      <c r="F27" s="128"/>
      <c r="G27" s="128"/>
      <c r="H27" s="311" t="s">
        <v>24</v>
      </c>
      <c r="I27" s="265"/>
      <c r="J27" s="266"/>
      <c r="K27" s="289">
        <f t="shared" si="0"/>
        <v>60</v>
      </c>
      <c r="L27" s="274"/>
      <c r="M27" s="258">
        <v>80</v>
      </c>
      <c r="N27" s="260"/>
      <c r="O27" s="128"/>
      <c r="P27" s="128"/>
      <c r="Q27" s="87"/>
      <c r="R27" s="302" t="s">
        <v>69</v>
      </c>
      <c r="S27" s="128"/>
      <c r="T27" s="128"/>
      <c r="U27" s="128"/>
      <c r="V27" s="128"/>
      <c r="W27" s="128"/>
      <c r="X27" s="128"/>
    </row>
    <row r="28" spans="1:24" ht="45" customHeight="1" thickBot="1">
      <c r="A28" s="87"/>
      <c r="B28" s="128"/>
      <c r="C28" s="128"/>
      <c r="D28" s="128"/>
      <c r="E28" s="128"/>
      <c r="F28" s="128"/>
      <c r="G28" s="128"/>
      <c r="H28" s="312" t="s">
        <v>105</v>
      </c>
      <c r="I28" s="265"/>
      <c r="J28" s="266"/>
      <c r="K28" s="313">
        <f t="shared" si="0"/>
        <v>80</v>
      </c>
      <c r="L28" s="275"/>
      <c r="M28" s="261" t="s">
        <v>46</v>
      </c>
      <c r="N28" s="263"/>
      <c r="O28" s="128"/>
      <c r="P28" s="128"/>
      <c r="Q28" s="87"/>
      <c r="R28" s="285"/>
      <c r="S28" s="128"/>
      <c r="T28" s="128"/>
      <c r="U28" s="128"/>
      <c r="V28" s="128"/>
      <c r="W28" s="128"/>
      <c r="X28" s="128"/>
    </row>
    <row r="29" spans="1:24" ht="45" customHeight="1" thickBot="1">
      <c r="A29" s="87"/>
      <c r="B29" s="128"/>
      <c r="C29" s="128"/>
      <c r="D29" s="128"/>
      <c r="E29" s="128"/>
      <c r="F29" s="128"/>
      <c r="G29" s="128"/>
      <c r="H29" s="128"/>
      <c r="I29" s="128"/>
      <c r="J29" s="128"/>
      <c r="K29" s="128"/>
      <c r="L29" s="128"/>
      <c r="M29" s="128"/>
      <c r="N29" s="128"/>
      <c r="O29" s="128"/>
      <c r="P29" s="128"/>
      <c r="Q29" s="87"/>
      <c r="R29" s="135" t="s">
        <v>70</v>
      </c>
      <c r="S29" s="128"/>
      <c r="T29" s="128"/>
      <c r="U29" s="128"/>
      <c r="V29" s="128"/>
      <c r="W29" s="128"/>
      <c r="X29" s="128"/>
    </row>
    <row r="30" spans="1:24" ht="45" customHeight="1" thickBot="1">
      <c r="A30" s="87"/>
      <c r="B30" s="128"/>
      <c r="C30" s="128"/>
      <c r="D30" s="128"/>
      <c r="E30" s="128"/>
      <c r="F30" s="128"/>
      <c r="G30" s="128"/>
      <c r="H30" s="264" t="s">
        <v>47</v>
      </c>
      <c r="I30" s="265"/>
      <c r="J30" s="265"/>
      <c r="K30" s="265"/>
      <c r="L30" s="265"/>
      <c r="M30" s="266"/>
      <c r="N30" s="128"/>
      <c r="O30" s="128"/>
      <c r="P30" s="128"/>
      <c r="Q30" s="87"/>
      <c r="R30" s="140" t="s">
        <v>71</v>
      </c>
      <c r="S30" s="128"/>
      <c r="T30" s="128"/>
      <c r="U30" s="128"/>
      <c r="V30" s="128"/>
      <c r="W30" s="128"/>
      <c r="X30" s="128"/>
    </row>
    <row r="31" spans="1:24" ht="45" customHeight="1" thickBot="1">
      <c r="A31" s="87"/>
      <c r="B31" s="128"/>
      <c r="C31" s="128"/>
      <c r="D31" s="128"/>
      <c r="E31" s="128"/>
      <c r="F31" s="128"/>
      <c r="G31" s="128"/>
      <c r="H31" s="309" t="s">
        <v>6</v>
      </c>
      <c r="I31" s="141" t="s">
        <v>48</v>
      </c>
      <c r="J31" s="142" t="s">
        <v>49</v>
      </c>
      <c r="K31" s="143" t="s">
        <v>50</v>
      </c>
      <c r="L31" s="144" t="s">
        <v>51</v>
      </c>
      <c r="M31" s="145" t="s">
        <v>52</v>
      </c>
      <c r="N31" s="128"/>
      <c r="O31" s="128"/>
      <c r="P31" s="128"/>
      <c r="Q31" s="87"/>
      <c r="R31" s="146" t="s">
        <v>72</v>
      </c>
      <c r="S31" s="128"/>
      <c r="T31" s="128"/>
      <c r="U31" s="128"/>
      <c r="V31" s="128"/>
      <c r="W31" s="128"/>
      <c r="X31" s="128"/>
    </row>
    <row r="32" spans="1:24" ht="51.75" thickBot="1">
      <c r="A32" s="87"/>
      <c r="B32" s="128"/>
      <c r="C32" s="128"/>
      <c r="D32" s="128"/>
      <c r="E32" s="128"/>
      <c r="F32" s="128"/>
      <c r="G32" s="128"/>
      <c r="H32" s="310"/>
      <c r="I32" s="147" t="s">
        <v>53</v>
      </c>
      <c r="J32" s="148" t="s">
        <v>54</v>
      </c>
      <c r="K32" s="149" t="s">
        <v>55</v>
      </c>
      <c r="L32" s="150" t="s">
        <v>56</v>
      </c>
      <c r="M32" s="151" t="s">
        <v>51</v>
      </c>
      <c r="N32" s="128"/>
      <c r="O32" s="128"/>
      <c r="P32" s="128"/>
      <c r="Q32" s="87"/>
      <c r="R32" s="128"/>
      <c r="S32" s="128"/>
      <c r="T32" s="128"/>
      <c r="U32" s="128"/>
      <c r="V32" s="128"/>
      <c r="W32" s="128"/>
      <c r="X32" s="128"/>
    </row>
    <row r="33" spans="1:24" ht="45" customHeight="1" thickBot="1">
      <c r="A33" s="87"/>
      <c r="B33" s="128"/>
      <c r="C33" s="128"/>
      <c r="D33" s="128"/>
      <c r="E33" s="128"/>
      <c r="F33" s="128"/>
      <c r="G33" s="128"/>
      <c r="H33" s="310"/>
      <c r="I33" s="147" t="s">
        <v>57</v>
      </c>
      <c r="J33" s="148" t="s">
        <v>48</v>
      </c>
      <c r="K33" s="148" t="s">
        <v>58</v>
      </c>
      <c r="L33" s="149" t="s">
        <v>55</v>
      </c>
      <c r="M33" s="152" t="s">
        <v>50</v>
      </c>
      <c r="N33" s="128"/>
      <c r="O33" s="128"/>
      <c r="P33" s="128"/>
      <c r="Q33" s="87"/>
      <c r="R33" s="128"/>
      <c r="S33" s="128"/>
      <c r="T33" s="128"/>
      <c r="U33" s="128"/>
      <c r="V33" s="128"/>
      <c r="W33" s="128"/>
      <c r="X33" s="128"/>
    </row>
    <row r="34" spans="1:24" ht="51.75" thickBot="1">
      <c r="A34" s="87"/>
      <c r="B34" s="128"/>
      <c r="C34" s="128"/>
      <c r="D34" s="128"/>
      <c r="E34" s="128"/>
      <c r="F34" s="128"/>
      <c r="G34" s="128"/>
      <c r="H34" s="310"/>
      <c r="I34" s="153" t="s">
        <v>59</v>
      </c>
      <c r="J34" s="154" t="s">
        <v>60</v>
      </c>
      <c r="K34" s="148" t="s">
        <v>48</v>
      </c>
      <c r="L34" s="148" t="s">
        <v>54</v>
      </c>
      <c r="M34" s="155" t="s">
        <v>49</v>
      </c>
      <c r="N34" s="128"/>
      <c r="O34" s="128"/>
      <c r="P34" s="128"/>
      <c r="Q34" s="87"/>
      <c r="R34" s="128"/>
      <c r="S34" s="128"/>
      <c r="T34" s="128"/>
      <c r="U34" s="128"/>
      <c r="V34" s="128"/>
      <c r="W34" s="128"/>
      <c r="X34" s="128"/>
    </row>
    <row r="35" spans="1:24" ht="51.75" thickBot="1">
      <c r="A35" s="156"/>
      <c r="B35" s="128"/>
      <c r="C35" s="128"/>
      <c r="D35" s="128"/>
      <c r="E35" s="128"/>
      <c r="F35" s="128"/>
      <c r="G35" s="128"/>
      <c r="H35" s="285"/>
      <c r="I35" s="157" t="s">
        <v>61</v>
      </c>
      <c r="J35" s="158" t="s">
        <v>59</v>
      </c>
      <c r="K35" s="159" t="s">
        <v>57</v>
      </c>
      <c r="L35" s="159" t="s">
        <v>53</v>
      </c>
      <c r="M35" s="160" t="s">
        <v>48</v>
      </c>
      <c r="N35" s="128"/>
      <c r="O35" s="128"/>
      <c r="P35" s="128"/>
      <c r="Q35" s="87"/>
      <c r="R35" s="128"/>
      <c r="S35" s="128"/>
      <c r="T35" s="128"/>
      <c r="U35" s="128"/>
      <c r="V35" s="128"/>
      <c r="W35" s="128"/>
      <c r="X35" s="128"/>
    </row>
    <row r="36" spans="1:24" ht="45" customHeight="1" thickBot="1">
      <c r="A36" s="87"/>
      <c r="B36" s="128"/>
      <c r="C36" s="128"/>
      <c r="D36" s="128"/>
      <c r="E36" s="128"/>
      <c r="F36" s="128"/>
      <c r="G36" s="128"/>
      <c r="H36" s="161" t="s">
        <v>62</v>
      </c>
      <c r="I36" s="314" t="s">
        <v>10</v>
      </c>
      <c r="J36" s="265"/>
      <c r="K36" s="265"/>
      <c r="L36" s="265"/>
      <c r="M36" s="266"/>
      <c r="N36" s="128"/>
      <c r="O36" s="128"/>
      <c r="P36" s="128"/>
      <c r="Q36" s="87"/>
      <c r="R36" s="128"/>
      <c r="S36" s="128"/>
      <c r="T36" s="128"/>
      <c r="U36" s="128"/>
      <c r="V36" s="128"/>
      <c r="W36" s="128"/>
      <c r="X36" s="128"/>
    </row>
    <row r="37" spans="1:24" ht="45" customHeight="1">
      <c r="A37" s="87"/>
      <c r="B37" s="128"/>
      <c r="C37" s="128"/>
      <c r="D37" s="128"/>
      <c r="E37" s="128"/>
      <c r="F37" s="128"/>
      <c r="G37" s="128"/>
      <c r="H37" s="128"/>
      <c r="I37" s="128"/>
      <c r="J37" s="128"/>
      <c r="K37" s="128"/>
      <c r="L37" s="128"/>
      <c r="M37" s="128"/>
      <c r="N37" s="128"/>
      <c r="O37" s="128"/>
      <c r="P37" s="128"/>
      <c r="Q37" s="87"/>
      <c r="R37" s="128"/>
      <c r="S37" s="128"/>
      <c r="T37" s="128"/>
      <c r="U37" s="128"/>
      <c r="V37" s="128"/>
      <c r="W37" s="128"/>
      <c r="X37" s="128"/>
    </row>
    <row r="38" spans="1:24" ht="45" customHeight="1">
      <c r="A38" s="87"/>
      <c r="B38" s="128"/>
      <c r="C38" s="128"/>
      <c r="D38" s="128"/>
      <c r="E38" s="128"/>
      <c r="F38" s="128"/>
      <c r="G38" s="315"/>
      <c r="H38" s="128"/>
      <c r="I38" s="128"/>
      <c r="J38" s="128"/>
      <c r="K38" s="128"/>
      <c r="L38" s="128"/>
      <c r="M38" s="128"/>
      <c r="N38" s="128"/>
      <c r="O38" s="128"/>
      <c r="P38" s="128"/>
      <c r="Q38" s="87"/>
      <c r="R38" s="128"/>
      <c r="S38" s="128"/>
      <c r="T38" s="128"/>
      <c r="U38" s="128"/>
      <c r="V38" s="128"/>
      <c r="W38" s="128"/>
      <c r="X38" s="128"/>
    </row>
    <row r="39" spans="1:24" ht="45" customHeight="1">
      <c r="A39" s="87"/>
      <c r="B39" s="128"/>
      <c r="C39" s="128"/>
      <c r="D39" s="128"/>
      <c r="E39" s="128"/>
      <c r="F39" s="128"/>
      <c r="G39" s="316"/>
      <c r="H39" s="128"/>
      <c r="I39" s="128"/>
      <c r="J39" s="128"/>
      <c r="K39" s="128"/>
      <c r="L39" s="128"/>
      <c r="M39" s="128"/>
      <c r="N39" s="128"/>
      <c r="O39" s="128"/>
      <c r="P39" s="128"/>
      <c r="Q39" s="87"/>
      <c r="R39" s="128"/>
      <c r="S39" s="128"/>
      <c r="T39" s="128"/>
      <c r="U39" s="128"/>
      <c r="V39" s="128"/>
      <c r="W39" s="128"/>
      <c r="X39" s="128"/>
    </row>
    <row r="40" spans="1:24" ht="45" customHeight="1">
      <c r="A40" s="87"/>
      <c r="B40" s="128"/>
      <c r="C40" s="128"/>
      <c r="D40" s="128"/>
      <c r="E40" s="128"/>
      <c r="F40" s="128"/>
      <c r="G40" s="315"/>
      <c r="H40" s="128"/>
      <c r="I40" s="128"/>
      <c r="J40" s="128"/>
      <c r="K40" s="128"/>
      <c r="L40" s="128"/>
      <c r="M40" s="128"/>
      <c r="N40" s="128"/>
      <c r="O40" s="128"/>
      <c r="P40" s="128"/>
      <c r="Q40" s="87"/>
      <c r="R40" s="128"/>
      <c r="S40" s="128"/>
      <c r="T40" s="128"/>
      <c r="U40" s="128"/>
      <c r="V40" s="128"/>
      <c r="W40" s="128"/>
      <c r="X40" s="128"/>
    </row>
    <row r="41" spans="1:24" ht="45" customHeight="1">
      <c r="A41" s="87"/>
      <c r="B41" s="128"/>
      <c r="C41" s="128"/>
      <c r="D41" s="128"/>
      <c r="E41" s="128"/>
      <c r="F41" s="128"/>
      <c r="G41" s="316"/>
      <c r="H41" s="128"/>
      <c r="I41" s="128"/>
      <c r="J41" s="128"/>
      <c r="K41" s="128"/>
      <c r="L41" s="128"/>
      <c r="M41" s="128"/>
      <c r="N41" s="128"/>
      <c r="O41" s="128"/>
      <c r="P41" s="128"/>
      <c r="Q41" s="87"/>
      <c r="R41" s="128"/>
      <c r="S41" s="128"/>
      <c r="T41" s="128"/>
      <c r="U41" s="128"/>
      <c r="V41" s="128"/>
      <c r="W41" s="128"/>
      <c r="X41" s="128"/>
    </row>
    <row r="42" spans="1:24" ht="45" customHeight="1">
      <c r="A42" s="87"/>
      <c r="B42" s="128"/>
      <c r="C42" s="128"/>
      <c r="D42" s="128"/>
      <c r="E42" s="128"/>
      <c r="F42" s="128"/>
      <c r="G42" s="128"/>
      <c r="H42" s="128"/>
      <c r="I42" s="128"/>
      <c r="J42" s="128"/>
      <c r="K42" s="128"/>
      <c r="L42" s="128"/>
      <c r="M42" s="128"/>
      <c r="N42" s="128"/>
      <c r="O42" s="128"/>
      <c r="P42" s="128"/>
      <c r="Q42" s="87"/>
      <c r="R42" s="128"/>
      <c r="S42" s="128"/>
      <c r="T42" s="128"/>
      <c r="U42" s="128"/>
      <c r="V42" s="128"/>
      <c r="W42" s="128"/>
      <c r="X42" s="128"/>
    </row>
    <row r="43" spans="1:24" ht="45" customHeight="1">
      <c r="A43" s="87"/>
      <c r="B43" s="128"/>
      <c r="C43" s="128"/>
      <c r="D43" s="128"/>
      <c r="E43" s="128"/>
      <c r="F43" s="128"/>
      <c r="G43" s="128"/>
      <c r="H43" s="128"/>
      <c r="I43" s="128"/>
      <c r="J43" s="128"/>
      <c r="K43" s="128"/>
      <c r="L43" s="128"/>
      <c r="M43" s="128"/>
      <c r="N43" s="128"/>
      <c r="O43" s="128"/>
      <c r="P43" s="128"/>
      <c r="Q43" s="87"/>
      <c r="R43" s="128"/>
      <c r="S43" s="128"/>
      <c r="T43" s="128"/>
      <c r="U43" s="128"/>
      <c r="V43" s="128"/>
      <c r="W43" s="128"/>
      <c r="X43" s="128"/>
    </row>
    <row r="44" spans="1:24" ht="45" customHeight="1">
      <c r="A44" s="87"/>
      <c r="B44" s="128"/>
      <c r="C44" s="128"/>
      <c r="D44" s="128"/>
      <c r="E44" s="128"/>
      <c r="F44" s="128"/>
      <c r="G44" s="128"/>
      <c r="H44" s="128"/>
      <c r="I44" s="128"/>
      <c r="J44" s="128"/>
      <c r="K44" s="128"/>
      <c r="L44" s="128"/>
      <c r="M44" s="128"/>
      <c r="N44" s="128"/>
      <c r="O44" s="128"/>
      <c r="P44" s="128"/>
      <c r="Q44" s="87"/>
      <c r="R44" s="128"/>
      <c r="S44" s="128"/>
      <c r="T44" s="128"/>
      <c r="U44" s="128"/>
      <c r="V44" s="128"/>
      <c r="W44" s="128"/>
      <c r="X44" s="128"/>
    </row>
    <row r="45" spans="1:24" ht="45" customHeight="1">
      <c r="A45" s="87"/>
      <c r="B45" s="128"/>
      <c r="C45" s="128"/>
      <c r="D45" s="128"/>
      <c r="E45" s="128"/>
      <c r="F45" s="128"/>
      <c r="G45" s="128"/>
      <c r="H45" s="128"/>
      <c r="I45" s="128"/>
      <c r="J45" s="128"/>
      <c r="K45" s="128"/>
      <c r="L45" s="128"/>
      <c r="M45" s="128"/>
      <c r="N45" s="128"/>
      <c r="O45" s="128"/>
      <c r="P45" s="128"/>
      <c r="Q45" s="87"/>
      <c r="R45" s="128"/>
      <c r="S45" s="128"/>
      <c r="T45" s="128"/>
      <c r="U45" s="128"/>
      <c r="V45" s="128"/>
      <c r="W45" s="128"/>
      <c r="X45" s="128"/>
    </row>
    <row r="46" spans="1:24" ht="45" customHeight="1">
      <c r="A46" s="87"/>
      <c r="B46" s="128"/>
      <c r="C46" s="128"/>
      <c r="D46" s="128"/>
      <c r="E46" s="128"/>
      <c r="F46" s="128"/>
      <c r="G46" s="128"/>
      <c r="H46" s="128"/>
      <c r="I46" s="128"/>
      <c r="J46" s="128"/>
      <c r="K46" s="128"/>
      <c r="L46" s="128"/>
      <c r="M46" s="128"/>
      <c r="N46" s="128"/>
      <c r="O46" s="128"/>
      <c r="P46" s="128"/>
      <c r="Q46" s="87"/>
      <c r="R46" s="128"/>
      <c r="S46" s="128"/>
      <c r="T46" s="128"/>
      <c r="U46" s="128"/>
      <c r="V46" s="128"/>
      <c r="W46" s="128"/>
      <c r="X46" s="128"/>
    </row>
    <row r="47" spans="1:24" ht="45" customHeight="1">
      <c r="A47" s="87"/>
      <c r="B47" s="128"/>
      <c r="C47" s="128"/>
      <c r="D47" s="128"/>
      <c r="E47" s="128"/>
      <c r="F47" s="128"/>
      <c r="G47" s="128"/>
      <c r="H47" s="128"/>
      <c r="I47" s="128"/>
      <c r="J47" s="128"/>
      <c r="K47" s="128"/>
      <c r="L47" s="128"/>
      <c r="M47" s="128"/>
      <c r="N47" s="128"/>
      <c r="O47" s="128"/>
      <c r="P47" s="128"/>
      <c r="Q47" s="87"/>
      <c r="R47" s="128"/>
      <c r="S47" s="128"/>
      <c r="T47" s="128"/>
      <c r="U47" s="128"/>
      <c r="V47" s="128"/>
      <c r="W47" s="128"/>
      <c r="X47" s="128"/>
    </row>
    <row r="48" spans="1:24" ht="45" customHeight="1">
      <c r="A48" s="87"/>
      <c r="B48" s="128"/>
      <c r="C48" s="128"/>
      <c r="D48" s="128"/>
      <c r="E48" s="128"/>
      <c r="F48" s="128"/>
      <c r="G48" s="128"/>
      <c r="H48" s="128"/>
      <c r="I48" s="128"/>
      <c r="J48" s="128"/>
      <c r="K48" s="128"/>
      <c r="L48" s="128"/>
      <c r="M48" s="128"/>
      <c r="N48" s="128"/>
      <c r="O48" s="128"/>
      <c r="P48" s="128"/>
      <c r="Q48" s="128"/>
      <c r="R48" s="128"/>
      <c r="S48" s="128"/>
      <c r="T48" s="128"/>
      <c r="U48" s="128"/>
      <c r="V48" s="128"/>
      <c r="W48" s="128"/>
      <c r="X48" s="128"/>
    </row>
    <row r="49" spans="1:24" ht="45" customHeight="1">
      <c r="A49" s="87"/>
      <c r="B49" s="128"/>
      <c r="C49" s="128"/>
      <c r="D49" s="128"/>
      <c r="E49" s="128"/>
      <c r="F49" s="128"/>
      <c r="G49" s="128"/>
      <c r="H49" s="128"/>
      <c r="I49" s="128"/>
      <c r="J49" s="128"/>
      <c r="K49" s="128"/>
      <c r="L49" s="128"/>
      <c r="M49" s="128"/>
      <c r="N49" s="128"/>
      <c r="O49" s="128"/>
      <c r="P49" s="128"/>
      <c r="Q49" s="128"/>
      <c r="R49" s="128"/>
      <c r="S49" s="128"/>
      <c r="T49" s="128"/>
      <c r="U49" s="128"/>
      <c r="V49" s="128"/>
      <c r="W49" s="128"/>
      <c r="X49" s="128"/>
    </row>
    <row r="50" spans="1:24" ht="45" customHeight="1">
      <c r="A50" s="87"/>
      <c r="B50" s="128"/>
      <c r="C50" s="128"/>
      <c r="D50" s="128"/>
      <c r="E50" s="128"/>
      <c r="F50" s="128"/>
      <c r="G50" s="128"/>
      <c r="H50" s="128"/>
      <c r="I50" s="128"/>
      <c r="J50" s="128"/>
      <c r="K50" s="128"/>
      <c r="L50" s="128"/>
      <c r="M50" s="128"/>
      <c r="N50" s="128"/>
      <c r="O50" s="128"/>
      <c r="P50" s="128"/>
      <c r="Q50" s="128"/>
      <c r="R50" s="128"/>
      <c r="S50" s="128"/>
      <c r="T50" s="128"/>
      <c r="U50" s="128"/>
      <c r="V50" s="128"/>
      <c r="W50" s="128"/>
      <c r="X50" s="128"/>
    </row>
    <row r="51" spans="1:24" ht="45" customHeight="1">
      <c r="A51" s="87"/>
      <c r="B51" s="128"/>
      <c r="C51" s="128"/>
      <c r="D51" s="128"/>
      <c r="E51" s="128"/>
      <c r="F51" s="128"/>
      <c r="G51" s="128"/>
      <c r="H51" s="128"/>
      <c r="I51" s="128"/>
      <c r="J51" s="128"/>
      <c r="K51" s="128"/>
      <c r="L51" s="128"/>
      <c r="M51" s="128"/>
      <c r="N51" s="128"/>
      <c r="O51" s="128"/>
      <c r="P51" s="128"/>
      <c r="Q51" s="128"/>
      <c r="R51" s="128"/>
      <c r="S51" s="128"/>
      <c r="T51" s="128"/>
      <c r="U51" s="128"/>
      <c r="V51" s="128"/>
      <c r="W51" s="128"/>
      <c r="X51" s="128"/>
    </row>
    <row r="52" spans="1:24" ht="45" customHeight="1">
      <c r="A52" s="87"/>
      <c r="B52" s="128"/>
      <c r="C52" s="128"/>
      <c r="D52" s="128"/>
      <c r="E52" s="128"/>
      <c r="F52" s="128"/>
      <c r="G52" s="128"/>
      <c r="H52" s="128"/>
      <c r="I52" s="128"/>
      <c r="J52" s="128"/>
      <c r="K52" s="128"/>
      <c r="L52" s="128"/>
      <c r="M52" s="128"/>
      <c r="N52" s="128"/>
      <c r="O52" s="128"/>
      <c r="P52" s="128"/>
      <c r="Q52" s="128"/>
      <c r="R52" s="128"/>
      <c r="S52" s="128"/>
      <c r="T52" s="128"/>
      <c r="U52" s="128"/>
      <c r="V52" s="128"/>
      <c r="W52" s="128"/>
      <c r="X52" s="128"/>
    </row>
    <row r="53" spans="1:24" ht="45" customHeight="1">
      <c r="A53" s="87"/>
      <c r="B53" s="128"/>
      <c r="C53" s="128"/>
      <c r="D53" s="128"/>
      <c r="E53" s="128"/>
      <c r="F53" s="128"/>
      <c r="G53" s="128"/>
      <c r="H53" s="128"/>
      <c r="I53" s="128"/>
      <c r="J53" s="128"/>
      <c r="K53" s="128"/>
      <c r="L53" s="128"/>
      <c r="M53" s="128"/>
      <c r="N53" s="128"/>
      <c r="O53" s="128"/>
      <c r="P53" s="128"/>
      <c r="Q53" s="128"/>
      <c r="R53" s="128"/>
      <c r="S53" s="128"/>
      <c r="T53" s="128"/>
      <c r="U53" s="128"/>
      <c r="V53" s="128"/>
      <c r="W53" s="128"/>
      <c r="X53" s="128"/>
    </row>
    <row r="54" spans="1:24" ht="45" customHeight="1">
      <c r="A54" s="87"/>
      <c r="B54" s="128"/>
      <c r="C54" s="128"/>
      <c r="D54" s="128"/>
      <c r="E54" s="128"/>
      <c r="F54" s="128"/>
      <c r="G54" s="128"/>
      <c r="H54" s="128"/>
      <c r="I54" s="128"/>
      <c r="J54" s="128"/>
      <c r="K54" s="128"/>
      <c r="L54" s="128"/>
      <c r="M54" s="128"/>
      <c r="N54" s="128"/>
      <c r="O54" s="128"/>
      <c r="P54" s="128"/>
      <c r="Q54" s="128"/>
      <c r="R54" s="128"/>
      <c r="S54" s="128"/>
      <c r="T54" s="128"/>
      <c r="U54" s="128"/>
      <c r="V54" s="128"/>
      <c r="W54" s="128"/>
      <c r="X54" s="128"/>
    </row>
    <row r="55" spans="1:24" ht="45" customHeight="1">
      <c r="A55" s="87"/>
      <c r="B55" s="128"/>
      <c r="C55" s="128"/>
      <c r="D55" s="128"/>
      <c r="E55" s="128"/>
      <c r="F55" s="128"/>
      <c r="G55" s="128"/>
      <c r="H55" s="128"/>
      <c r="I55" s="128"/>
      <c r="J55" s="128"/>
      <c r="K55" s="128"/>
      <c r="L55" s="128"/>
      <c r="M55" s="128"/>
      <c r="N55" s="128"/>
      <c r="O55" s="128"/>
      <c r="P55" s="128"/>
      <c r="Q55" s="128"/>
      <c r="R55" s="128"/>
      <c r="S55" s="128"/>
      <c r="T55" s="128"/>
      <c r="U55" s="128"/>
      <c r="V55" s="128"/>
      <c r="W55" s="128"/>
      <c r="X55" s="128"/>
    </row>
    <row r="56" spans="1:24" ht="45" customHeight="1">
      <c r="A56" s="87"/>
      <c r="B56" s="128"/>
      <c r="C56" s="128"/>
      <c r="D56" s="128"/>
      <c r="E56" s="128"/>
      <c r="F56" s="128"/>
      <c r="G56" s="128"/>
      <c r="H56" s="128"/>
      <c r="I56" s="128"/>
      <c r="J56" s="128"/>
      <c r="K56" s="128"/>
      <c r="L56" s="128"/>
      <c r="M56" s="128"/>
      <c r="N56" s="128"/>
      <c r="O56" s="128"/>
      <c r="P56" s="128"/>
      <c r="Q56" s="128"/>
      <c r="R56" s="128"/>
      <c r="S56" s="128"/>
      <c r="T56" s="128"/>
      <c r="U56" s="128"/>
      <c r="V56" s="128"/>
      <c r="W56" s="128"/>
      <c r="X56" s="128"/>
    </row>
    <row r="57" spans="1:24" ht="45" customHeight="1">
      <c r="A57" s="87"/>
      <c r="B57" s="128"/>
      <c r="C57" s="128"/>
      <c r="D57" s="128"/>
      <c r="E57" s="128"/>
      <c r="F57" s="128"/>
      <c r="G57" s="128"/>
      <c r="H57" s="128"/>
      <c r="I57" s="128"/>
      <c r="J57" s="128"/>
      <c r="K57" s="128"/>
      <c r="L57" s="128"/>
      <c r="M57" s="128"/>
      <c r="N57" s="128"/>
      <c r="O57" s="128"/>
      <c r="P57" s="128"/>
      <c r="Q57" s="128"/>
      <c r="R57" s="128"/>
      <c r="S57" s="128"/>
      <c r="T57" s="128"/>
      <c r="U57" s="128"/>
      <c r="V57" s="128"/>
      <c r="W57" s="128"/>
      <c r="X57" s="128"/>
    </row>
    <row r="58" spans="1:24" ht="45" customHeight="1">
      <c r="A58" s="87"/>
      <c r="B58" s="128"/>
      <c r="C58" s="128"/>
      <c r="D58" s="128"/>
      <c r="E58" s="128"/>
      <c r="F58" s="128"/>
      <c r="G58" s="128"/>
      <c r="H58" s="128"/>
      <c r="I58" s="128"/>
      <c r="J58" s="128"/>
      <c r="K58" s="128"/>
      <c r="L58" s="128"/>
      <c r="M58" s="128"/>
      <c r="N58" s="128"/>
      <c r="O58" s="128"/>
      <c r="P58" s="128"/>
      <c r="Q58" s="128"/>
      <c r="R58" s="128"/>
      <c r="S58" s="128"/>
      <c r="T58" s="128"/>
      <c r="U58" s="128"/>
      <c r="V58" s="128"/>
      <c r="W58" s="128"/>
      <c r="X58" s="128"/>
    </row>
    <row r="59" spans="1:24" ht="45" customHeight="1">
      <c r="A59" s="87"/>
      <c r="B59" s="128"/>
      <c r="C59" s="128"/>
      <c r="D59" s="128"/>
      <c r="E59" s="128"/>
      <c r="F59" s="128"/>
      <c r="G59" s="128"/>
      <c r="H59" s="128"/>
      <c r="I59" s="128"/>
      <c r="J59" s="128"/>
      <c r="K59" s="128"/>
      <c r="L59" s="128"/>
      <c r="M59" s="128"/>
      <c r="N59" s="128"/>
      <c r="O59" s="128"/>
      <c r="P59" s="128"/>
      <c r="Q59" s="128"/>
      <c r="R59" s="128"/>
      <c r="S59" s="128"/>
      <c r="T59" s="128"/>
      <c r="U59" s="128"/>
      <c r="V59" s="128"/>
      <c r="W59" s="128"/>
      <c r="X59" s="128"/>
    </row>
    <row r="60" spans="1:24" ht="45" customHeight="1">
      <c r="A60" s="87"/>
      <c r="B60" s="128"/>
      <c r="C60" s="128"/>
      <c r="D60" s="128"/>
      <c r="E60" s="128"/>
      <c r="F60" s="128"/>
      <c r="G60" s="128"/>
      <c r="H60" s="128"/>
      <c r="I60" s="128"/>
      <c r="J60" s="128"/>
      <c r="K60" s="128"/>
      <c r="L60" s="128"/>
      <c r="M60" s="128"/>
      <c r="N60" s="128"/>
      <c r="O60" s="128"/>
      <c r="P60" s="128"/>
      <c r="Q60" s="128"/>
      <c r="R60" s="128"/>
      <c r="S60" s="128"/>
      <c r="T60" s="128"/>
      <c r="U60" s="128"/>
      <c r="V60" s="128"/>
      <c r="W60" s="128"/>
      <c r="X60" s="128"/>
    </row>
    <row r="61" spans="1:24" ht="45" customHeight="1">
      <c r="A61" s="87"/>
      <c r="B61" s="128"/>
      <c r="C61" s="128"/>
      <c r="D61" s="128"/>
      <c r="E61" s="128"/>
      <c r="F61" s="128"/>
      <c r="G61" s="128"/>
      <c r="H61" s="128"/>
      <c r="I61" s="128"/>
      <c r="J61" s="128"/>
      <c r="K61" s="128"/>
      <c r="L61" s="128"/>
      <c r="M61" s="128"/>
      <c r="N61" s="128"/>
      <c r="O61" s="128"/>
      <c r="P61" s="128"/>
      <c r="Q61" s="128"/>
      <c r="R61" s="128"/>
      <c r="S61" s="128"/>
      <c r="T61" s="128"/>
      <c r="U61" s="128"/>
      <c r="V61" s="128"/>
      <c r="W61" s="128"/>
      <c r="X61" s="128"/>
    </row>
    <row r="62" spans="1:24" ht="45" customHeight="1">
      <c r="A62" s="87"/>
      <c r="B62" s="128"/>
      <c r="C62" s="128"/>
      <c r="D62" s="128"/>
      <c r="E62" s="128"/>
      <c r="F62" s="128"/>
      <c r="G62" s="128"/>
      <c r="H62" s="128"/>
      <c r="I62" s="128"/>
      <c r="J62" s="128"/>
      <c r="K62" s="128"/>
      <c r="L62" s="128"/>
      <c r="M62" s="128"/>
      <c r="N62" s="128"/>
      <c r="O62" s="128"/>
      <c r="P62" s="128"/>
      <c r="Q62" s="128"/>
      <c r="R62" s="128"/>
      <c r="S62" s="128"/>
      <c r="T62" s="128"/>
      <c r="U62" s="128"/>
      <c r="V62" s="128"/>
      <c r="W62" s="128"/>
      <c r="X62" s="128"/>
    </row>
    <row r="63" spans="1:24" ht="45" customHeight="1">
      <c r="A63" s="87"/>
      <c r="B63" s="128"/>
      <c r="C63" s="128"/>
      <c r="D63" s="128"/>
      <c r="E63" s="128"/>
      <c r="F63" s="128"/>
      <c r="G63" s="128"/>
      <c r="H63" s="128"/>
      <c r="I63" s="128"/>
      <c r="J63" s="128"/>
      <c r="K63" s="128"/>
      <c r="L63" s="128"/>
      <c r="M63" s="128"/>
      <c r="N63" s="128"/>
      <c r="O63" s="128"/>
      <c r="P63" s="128"/>
      <c r="Q63" s="128"/>
      <c r="R63" s="128"/>
      <c r="S63" s="128"/>
      <c r="T63" s="128"/>
      <c r="U63" s="128"/>
      <c r="V63" s="128"/>
      <c r="W63" s="128"/>
      <c r="X63" s="128"/>
    </row>
    <row r="64" spans="1:24" ht="45" customHeight="1">
      <c r="A64" s="87"/>
      <c r="B64" s="128"/>
      <c r="C64" s="128"/>
      <c r="D64" s="128"/>
      <c r="E64" s="128"/>
      <c r="F64" s="128"/>
      <c r="G64" s="128"/>
      <c r="H64" s="128"/>
      <c r="I64" s="128"/>
      <c r="J64" s="128"/>
      <c r="K64" s="128"/>
      <c r="L64" s="128"/>
      <c r="M64" s="128"/>
      <c r="N64" s="128"/>
      <c r="O64" s="128"/>
      <c r="P64" s="128"/>
      <c r="Q64" s="128"/>
      <c r="R64" s="128"/>
      <c r="S64" s="128"/>
      <c r="T64" s="128"/>
      <c r="U64" s="128"/>
      <c r="V64" s="128"/>
      <c r="W64" s="128"/>
      <c r="X64" s="128"/>
    </row>
    <row r="65" spans="1:24" ht="45" customHeight="1">
      <c r="A65" s="87"/>
      <c r="B65" s="128"/>
      <c r="C65" s="128"/>
      <c r="D65" s="128"/>
      <c r="E65" s="128"/>
      <c r="F65" s="128"/>
      <c r="G65" s="128"/>
      <c r="H65" s="128"/>
      <c r="I65" s="128"/>
      <c r="J65" s="128"/>
      <c r="K65" s="128"/>
      <c r="L65" s="128"/>
      <c r="M65" s="128"/>
      <c r="N65" s="128"/>
      <c r="O65" s="128"/>
      <c r="P65" s="128"/>
      <c r="Q65" s="128"/>
      <c r="R65" s="128"/>
      <c r="S65" s="128"/>
      <c r="T65" s="128"/>
      <c r="U65" s="128"/>
      <c r="V65" s="128"/>
      <c r="W65" s="128"/>
      <c r="X65" s="128"/>
    </row>
    <row r="66" spans="1:24" ht="45" customHeight="1">
      <c r="A66" s="87"/>
      <c r="B66" s="128"/>
      <c r="C66" s="128"/>
      <c r="D66" s="128"/>
      <c r="E66" s="128"/>
      <c r="F66" s="128"/>
      <c r="G66" s="128"/>
      <c r="H66" s="128"/>
      <c r="I66" s="128"/>
      <c r="J66" s="128"/>
      <c r="K66" s="128"/>
      <c r="L66" s="128"/>
      <c r="M66" s="128"/>
      <c r="N66" s="128"/>
      <c r="O66" s="128"/>
      <c r="P66" s="128"/>
      <c r="Q66" s="128"/>
      <c r="R66" s="128"/>
      <c r="S66" s="128"/>
      <c r="T66" s="128"/>
      <c r="U66" s="128"/>
      <c r="V66" s="128"/>
      <c r="W66" s="128"/>
      <c r="X66" s="128"/>
    </row>
    <row r="67" spans="1:24" ht="45" customHeight="1">
      <c r="A67" s="87"/>
      <c r="B67" s="128"/>
      <c r="C67" s="128"/>
      <c r="D67" s="128"/>
      <c r="E67" s="128"/>
      <c r="F67" s="128"/>
      <c r="G67" s="128"/>
      <c r="H67" s="128"/>
      <c r="I67" s="128"/>
      <c r="J67" s="128"/>
      <c r="K67" s="128"/>
      <c r="L67" s="128"/>
      <c r="M67" s="128"/>
      <c r="N67" s="128"/>
      <c r="O67" s="128"/>
      <c r="P67" s="128"/>
      <c r="Q67" s="128"/>
      <c r="R67" s="128"/>
      <c r="S67" s="128"/>
      <c r="T67" s="128"/>
      <c r="U67" s="128"/>
      <c r="V67" s="128"/>
      <c r="W67" s="128"/>
      <c r="X67" s="128"/>
    </row>
    <row r="68" spans="1:24" ht="45" customHeight="1">
      <c r="A68" s="87"/>
      <c r="B68" s="128"/>
      <c r="C68" s="128"/>
      <c r="D68" s="128"/>
      <c r="E68" s="128"/>
      <c r="F68" s="128"/>
      <c r="G68" s="128"/>
      <c r="H68" s="128"/>
      <c r="I68" s="128"/>
      <c r="J68" s="128"/>
      <c r="K68" s="128"/>
      <c r="L68" s="128"/>
      <c r="M68" s="128"/>
      <c r="N68" s="128"/>
      <c r="O68" s="128"/>
      <c r="P68" s="128"/>
      <c r="Q68" s="128"/>
      <c r="R68" s="128"/>
      <c r="S68" s="128"/>
      <c r="T68" s="128"/>
      <c r="U68" s="128"/>
      <c r="V68" s="128"/>
      <c r="W68" s="128"/>
      <c r="X68" s="128"/>
    </row>
    <row r="69" spans="1:24" ht="45" customHeight="1">
      <c r="A69" s="87"/>
      <c r="B69" s="128"/>
      <c r="C69" s="128"/>
      <c r="D69" s="128"/>
      <c r="E69" s="128"/>
      <c r="F69" s="128"/>
      <c r="G69" s="128"/>
      <c r="H69" s="128"/>
      <c r="I69" s="128"/>
      <c r="J69" s="128"/>
      <c r="K69" s="128"/>
      <c r="L69" s="128"/>
      <c r="M69" s="128"/>
      <c r="N69" s="128"/>
      <c r="O69" s="128"/>
      <c r="P69" s="128"/>
      <c r="Q69" s="128"/>
      <c r="R69" s="128"/>
      <c r="S69" s="128"/>
      <c r="T69" s="128"/>
      <c r="U69" s="128"/>
      <c r="V69" s="128"/>
      <c r="W69" s="128"/>
      <c r="X69" s="128"/>
    </row>
    <row r="70" spans="1:24" ht="45" customHeight="1">
      <c r="A70" s="87"/>
      <c r="B70" s="128"/>
      <c r="C70" s="128"/>
      <c r="D70" s="128"/>
      <c r="E70" s="128"/>
      <c r="F70" s="128"/>
      <c r="G70" s="128"/>
      <c r="H70" s="128"/>
      <c r="I70" s="128"/>
      <c r="J70" s="128"/>
      <c r="K70" s="128"/>
      <c r="L70" s="128"/>
      <c r="M70" s="128"/>
      <c r="N70" s="128"/>
      <c r="O70" s="128"/>
      <c r="P70" s="128"/>
      <c r="Q70" s="128"/>
      <c r="R70" s="128"/>
      <c r="S70" s="128"/>
      <c r="T70" s="128"/>
      <c r="U70" s="128"/>
      <c r="V70" s="128"/>
      <c r="W70" s="128"/>
      <c r="X70" s="128"/>
    </row>
    <row r="71" spans="1:24" ht="45" customHeight="1">
      <c r="A71" s="87"/>
      <c r="B71" s="128"/>
      <c r="C71" s="128"/>
      <c r="D71" s="128"/>
      <c r="E71" s="128"/>
      <c r="F71" s="128"/>
      <c r="G71" s="128"/>
      <c r="H71" s="128"/>
      <c r="I71" s="128"/>
      <c r="J71" s="128"/>
      <c r="K71" s="128"/>
      <c r="L71" s="128"/>
      <c r="M71" s="128"/>
      <c r="N71" s="128"/>
      <c r="O71" s="128"/>
      <c r="P71" s="128"/>
      <c r="Q71" s="128"/>
      <c r="R71" s="128"/>
      <c r="S71" s="128"/>
      <c r="T71" s="128"/>
      <c r="U71" s="128"/>
      <c r="V71" s="128"/>
      <c r="W71" s="128"/>
      <c r="X71" s="128"/>
    </row>
    <row r="72" spans="1:24" ht="45" customHeight="1">
      <c r="A72" s="87"/>
      <c r="B72" s="128"/>
      <c r="C72" s="128"/>
      <c r="D72" s="128"/>
      <c r="E72" s="128"/>
      <c r="F72" s="128"/>
      <c r="G72" s="128"/>
      <c r="H72" s="128"/>
      <c r="I72" s="128"/>
      <c r="J72" s="128"/>
      <c r="K72" s="128"/>
      <c r="L72" s="128"/>
      <c r="M72" s="128"/>
      <c r="N72" s="128"/>
      <c r="O72" s="128"/>
      <c r="P72" s="128"/>
      <c r="Q72" s="128"/>
      <c r="R72" s="128"/>
      <c r="S72" s="128"/>
      <c r="T72" s="128"/>
      <c r="U72" s="128"/>
      <c r="V72" s="128"/>
      <c r="W72" s="128"/>
      <c r="X72" s="128"/>
    </row>
    <row r="73" spans="1:24" ht="45" customHeight="1">
      <c r="A73" s="87"/>
      <c r="B73" s="128"/>
      <c r="C73" s="128"/>
      <c r="D73" s="128"/>
      <c r="E73" s="128"/>
      <c r="F73" s="128"/>
      <c r="G73" s="128"/>
      <c r="H73" s="128"/>
      <c r="I73" s="128"/>
      <c r="J73" s="128"/>
      <c r="K73" s="128"/>
      <c r="L73" s="128"/>
      <c r="M73" s="128"/>
      <c r="N73" s="128"/>
      <c r="O73" s="128"/>
      <c r="P73" s="128"/>
      <c r="Q73" s="128"/>
      <c r="R73" s="128"/>
      <c r="S73" s="315"/>
      <c r="T73" s="316"/>
      <c r="U73" s="128"/>
      <c r="V73" s="128"/>
      <c r="W73" s="128"/>
      <c r="X73" s="128"/>
    </row>
    <row r="74" spans="1:24" ht="45" customHeight="1">
      <c r="A74" s="87"/>
      <c r="B74" s="128"/>
      <c r="C74" s="128"/>
      <c r="D74" s="128"/>
      <c r="E74" s="128"/>
      <c r="F74" s="128"/>
      <c r="G74" s="128"/>
      <c r="H74" s="128"/>
      <c r="I74" s="128"/>
      <c r="J74" s="128"/>
      <c r="K74" s="128"/>
      <c r="L74" s="128"/>
      <c r="M74" s="128"/>
      <c r="N74" s="128"/>
      <c r="O74" s="128"/>
      <c r="P74" s="128"/>
      <c r="Q74" s="128"/>
      <c r="R74" s="128"/>
      <c r="S74" s="128"/>
      <c r="T74" s="128"/>
      <c r="U74" s="128"/>
      <c r="V74" s="128"/>
      <c r="W74" s="128"/>
      <c r="X74" s="128"/>
    </row>
    <row r="75" spans="1:24" ht="45" customHeight="1">
      <c r="A75" s="87"/>
      <c r="B75" s="128"/>
      <c r="C75" s="128"/>
      <c r="D75" s="128"/>
      <c r="E75" s="128"/>
      <c r="F75" s="128"/>
      <c r="G75" s="128"/>
      <c r="H75" s="128"/>
      <c r="I75" s="128"/>
      <c r="J75" s="128"/>
      <c r="K75" s="128"/>
      <c r="L75" s="128"/>
      <c r="M75" s="128"/>
      <c r="N75" s="128"/>
      <c r="O75" s="128"/>
      <c r="P75" s="128"/>
      <c r="Q75" s="128"/>
      <c r="R75" s="128"/>
      <c r="S75" s="128"/>
      <c r="T75" s="128"/>
      <c r="U75" s="128"/>
      <c r="V75" s="128"/>
      <c r="W75" s="128"/>
      <c r="X75" s="128"/>
    </row>
    <row r="76" spans="1:24" ht="45" customHeight="1">
      <c r="A76" s="87"/>
      <c r="B76" s="128"/>
      <c r="C76" s="128"/>
      <c r="D76" s="128"/>
      <c r="E76" s="128"/>
      <c r="F76" s="128"/>
      <c r="G76" s="128"/>
      <c r="H76" s="128"/>
      <c r="I76" s="128"/>
      <c r="J76" s="128"/>
      <c r="K76" s="128"/>
      <c r="L76" s="128"/>
      <c r="M76" s="128"/>
      <c r="N76" s="128"/>
      <c r="O76" s="128"/>
      <c r="P76" s="128"/>
      <c r="Q76" s="128"/>
      <c r="R76" s="128"/>
      <c r="S76" s="128"/>
      <c r="T76" s="128"/>
      <c r="U76" s="128"/>
      <c r="V76" s="128"/>
      <c r="W76" s="128"/>
      <c r="X76" s="128"/>
    </row>
    <row r="77" spans="1:24" ht="45" customHeight="1">
      <c r="A77" s="87"/>
      <c r="B77" s="128"/>
      <c r="C77" s="128"/>
      <c r="D77" s="128"/>
      <c r="E77" s="128"/>
      <c r="F77" s="128"/>
      <c r="G77" s="128"/>
      <c r="H77" s="128"/>
      <c r="I77" s="128"/>
      <c r="J77" s="128"/>
      <c r="K77" s="128"/>
      <c r="L77" s="128"/>
      <c r="M77" s="128"/>
      <c r="N77" s="128"/>
      <c r="O77" s="128"/>
      <c r="P77" s="128"/>
      <c r="Q77" s="128"/>
      <c r="R77" s="128"/>
      <c r="S77" s="128"/>
      <c r="T77" s="128"/>
      <c r="U77" s="128"/>
      <c r="V77" s="128"/>
      <c r="W77" s="128"/>
      <c r="X77" s="128"/>
    </row>
    <row r="78" spans="1:24" ht="45" customHeight="1">
      <c r="A78" s="87"/>
      <c r="B78" s="128"/>
      <c r="C78" s="128"/>
      <c r="D78" s="128"/>
      <c r="E78" s="128"/>
      <c r="F78" s="128"/>
      <c r="G78" s="128"/>
      <c r="H78" s="128"/>
      <c r="I78" s="128"/>
      <c r="J78" s="128"/>
      <c r="K78" s="128"/>
      <c r="L78" s="128"/>
      <c r="M78" s="128"/>
      <c r="N78" s="128"/>
      <c r="O78" s="128"/>
      <c r="P78" s="128"/>
      <c r="Q78" s="128"/>
      <c r="R78" s="128"/>
      <c r="S78" s="128"/>
      <c r="T78" s="128"/>
      <c r="U78" s="128"/>
      <c r="V78" s="128"/>
      <c r="W78" s="128"/>
      <c r="X78" s="128"/>
    </row>
    <row r="79" spans="1:24" ht="45" customHeight="1">
      <c r="A79" s="87"/>
      <c r="B79" s="128"/>
      <c r="C79" s="128"/>
      <c r="D79" s="128"/>
      <c r="E79" s="128"/>
      <c r="F79" s="128"/>
      <c r="G79" s="128"/>
      <c r="H79" s="128"/>
      <c r="I79" s="128"/>
      <c r="J79" s="128"/>
      <c r="K79" s="128"/>
      <c r="L79" s="128"/>
      <c r="M79" s="128"/>
      <c r="N79" s="128"/>
      <c r="O79" s="128"/>
      <c r="P79" s="128"/>
      <c r="Q79" s="128"/>
      <c r="R79" s="128"/>
      <c r="S79" s="128"/>
      <c r="T79" s="128"/>
      <c r="U79" s="128"/>
      <c r="V79" s="128"/>
      <c r="W79" s="128"/>
      <c r="X79" s="128"/>
    </row>
    <row r="80" spans="1:24" ht="45" customHeight="1">
      <c r="A80" s="87"/>
      <c r="B80" s="128"/>
      <c r="C80" s="128"/>
      <c r="D80" s="128"/>
      <c r="E80" s="128"/>
      <c r="F80" s="128"/>
      <c r="G80" s="128"/>
      <c r="H80" s="128"/>
      <c r="I80" s="128"/>
      <c r="J80" s="128"/>
      <c r="K80" s="128"/>
      <c r="L80" s="128"/>
      <c r="M80" s="128"/>
      <c r="N80" s="128"/>
      <c r="O80" s="128"/>
      <c r="P80" s="128"/>
      <c r="Q80" s="128"/>
      <c r="R80" s="128"/>
      <c r="S80" s="128"/>
      <c r="T80" s="128"/>
      <c r="U80" s="128"/>
      <c r="V80" s="128"/>
      <c r="W80" s="128"/>
      <c r="X80" s="128"/>
    </row>
    <row r="81" spans="1:24" ht="45" customHeight="1">
      <c r="A81" s="87"/>
      <c r="B81" s="128"/>
      <c r="C81" s="128"/>
      <c r="D81" s="128"/>
      <c r="E81" s="128"/>
      <c r="F81" s="128"/>
      <c r="G81" s="128"/>
      <c r="H81" s="128"/>
      <c r="I81" s="128"/>
      <c r="J81" s="128"/>
      <c r="K81" s="128"/>
      <c r="L81" s="128"/>
      <c r="M81" s="128"/>
      <c r="N81" s="128"/>
      <c r="O81" s="128"/>
      <c r="P81" s="128"/>
      <c r="Q81" s="128"/>
      <c r="R81" s="128"/>
      <c r="S81" s="128"/>
      <c r="T81" s="128"/>
      <c r="U81" s="128"/>
      <c r="V81" s="128"/>
      <c r="W81" s="128"/>
      <c r="X81" s="128"/>
    </row>
    <row r="82" spans="1:24" ht="45" customHeight="1">
      <c r="A82" s="87"/>
      <c r="B82" s="128"/>
      <c r="C82" s="128"/>
      <c r="D82" s="128"/>
      <c r="E82" s="128"/>
      <c r="F82" s="128"/>
      <c r="G82" s="128"/>
      <c r="H82" s="128"/>
      <c r="I82" s="128"/>
      <c r="J82" s="128"/>
      <c r="K82" s="128"/>
      <c r="L82" s="128"/>
      <c r="M82" s="128"/>
      <c r="N82" s="128"/>
      <c r="O82" s="128"/>
      <c r="P82" s="128"/>
      <c r="Q82" s="128"/>
      <c r="R82" s="128"/>
      <c r="S82" s="128"/>
      <c r="T82" s="128"/>
      <c r="U82" s="128"/>
      <c r="V82" s="128"/>
      <c r="W82" s="128"/>
      <c r="X82" s="128"/>
    </row>
    <row r="83" spans="1:24" ht="45" customHeight="1">
      <c r="A83" s="87"/>
      <c r="B83" s="128"/>
      <c r="C83" s="128"/>
      <c r="D83" s="128"/>
      <c r="E83" s="128"/>
      <c r="F83" s="128"/>
      <c r="G83" s="128"/>
      <c r="H83" s="128"/>
      <c r="I83" s="128"/>
      <c r="J83" s="128"/>
      <c r="K83" s="128"/>
      <c r="L83" s="128"/>
      <c r="M83" s="128"/>
      <c r="N83" s="128"/>
      <c r="O83" s="128"/>
      <c r="P83" s="128"/>
      <c r="Q83" s="128"/>
      <c r="R83" s="128"/>
      <c r="S83" s="128"/>
      <c r="T83" s="128"/>
      <c r="U83" s="128"/>
      <c r="V83" s="128"/>
      <c r="W83" s="128"/>
      <c r="X83" s="128"/>
    </row>
    <row r="84" spans="1:24" ht="45" customHeight="1">
      <c r="A84" s="87"/>
      <c r="B84" s="128"/>
      <c r="C84" s="128"/>
      <c r="D84" s="128"/>
      <c r="E84" s="128"/>
      <c r="F84" s="128"/>
      <c r="G84" s="128"/>
      <c r="H84" s="128"/>
      <c r="I84" s="128"/>
      <c r="J84" s="128"/>
      <c r="K84" s="128"/>
      <c r="L84" s="128"/>
      <c r="M84" s="128"/>
      <c r="N84" s="128"/>
      <c r="O84" s="128"/>
      <c r="P84" s="128"/>
      <c r="Q84" s="128"/>
      <c r="R84" s="128"/>
      <c r="S84" s="128"/>
      <c r="T84" s="128"/>
      <c r="U84" s="128"/>
      <c r="V84" s="128"/>
      <c r="W84" s="128"/>
      <c r="X84" s="128"/>
    </row>
    <row r="85" spans="1:24" ht="45" customHeight="1">
      <c r="A85" s="87"/>
      <c r="B85" s="128"/>
      <c r="C85" s="128"/>
      <c r="D85" s="128"/>
      <c r="E85" s="128"/>
      <c r="F85" s="128"/>
      <c r="G85" s="128"/>
      <c r="H85" s="128"/>
      <c r="I85" s="128"/>
      <c r="J85" s="128"/>
      <c r="K85" s="128"/>
      <c r="L85" s="128"/>
      <c r="M85" s="128"/>
      <c r="N85" s="128"/>
      <c r="O85" s="128"/>
      <c r="P85" s="128"/>
      <c r="Q85" s="128"/>
      <c r="R85" s="128"/>
      <c r="S85" s="128"/>
      <c r="T85" s="128"/>
      <c r="U85" s="128"/>
      <c r="V85" s="128"/>
      <c r="W85" s="128"/>
      <c r="X85" s="128"/>
    </row>
    <row r="86" spans="1:24" ht="45" customHeight="1">
      <c r="A86" s="87"/>
      <c r="B86" s="128"/>
      <c r="C86" s="128"/>
      <c r="D86" s="128"/>
      <c r="E86" s="128"/>
      <c r="F86" s="128"/>
      <c r="G86" s="128"/>
      <c r="H86" s="128"/>
      <c r="I86" s="128"/>
      <c r="J86" s="128"/>
      <c r="K86" s="128"/>
      <c r="L86" s="128"/>
      <c r="M86" s="128"/>
      <c r="N86" s="128"/>
      <c r="O86" s="128"/>
      <c r="P86" s="128"/>
      <c r="Q86" s="128"/>
      <c r="R86" s="128"/>
      <c r="S86" s="128"/>
      <c r="T86" s="128"/>
      <c r="U86" s="128"/>
      <c r="V86" s="128"/>
      <c r="W86" s="128"/>
      <c r="X86" s="128"/>
    </row>
    <row r="87" spans="1:24" ht="45" customHeight="1">
      <c r="A87" s="87"/>
      <c r="B87" s="128"/>
      <c r="C87" s="128"/>
      <c r="D87" s="128"/>
      <c r="E87" s="128"/>
      <c r="F87" s="128"/>
      <c r="G87" s="128"/>
      <c r="H87" s="128"/>
      <c r="I87" s="128"/>
      <c r="J87" s="128"/>
      <c r="K87" s="128"/>
      <c r="L87" s="128"/>
      <c r="M87" s="128"/>
      <c r="N87" s="128"/>
      <c r="O87" s="128"/>
      <c r="P87" s="128"/>
      <c r="Q87" s="128"/>
      <c r="R87" s="128"/>
      <c r="S87" s="128"/>
      <c r="T87" s="128"/>
      <c r="U87" s="128"/>
      <c r="V87" s="128"/>
      <c r="W87" s="128"/>
      <c r="X87" s="128"/>
    </row>
    <row r="88" spans="1:24" ht="45" customHeight="1">
      <c r="A88" s="87"/>
      <c r="B88" s="128"/>
      <c r="C88" s="128"/>
      <c r="D88" s="128"/>
      <c r="E88" s="128"/>
      <c r="F88" s="128"/>
      <c r="G88" s="128"/>
      <c r="H88" s="128"/>
      <c r="I88" s="128"/>
      <c r="J88" s="128"/>
      <c r="K88" s="128"/>
      <c r="L88" s="128"/>
      <c r="M88" s="128"/>
      <c r="N88" s="128"/>
      <c r="O88" s="128"/>
      <c r="P88" s="128"/>
      <c r="Q88" s="128"/>
      <c r="R88" s="128"/>
      <c r="S88" s="128"/>
      <c r="T88" s="128"/>
      <c r="U88" s="128"/>
      <c r="V88" s="128"/>
      <c r="W88" s="128"/>
      <c r="X88" s="128"/>
    </row>
    <row r="89" spans="1:24" ht="45" customHeight="1">
      <c r="A89" s="87"/>
      <c r="B89" s="128"/>
      <c r="C89" s="128"/>
      <c r="D89" s="128"/>
      <c r="E89" s="128"/>
      <c r="F89" s="128"/>
      <c r="G89" s="128"/>
      <c r="H89" s="128"/>
      <c r="I89" s="128"/>
      <c r="J89" s="128"/>
      <c r="K89" s="128"/>
      <c r="L89" s="128"/>
      <c r="M89" s="128"/>
      <c r="N89" s="128"/>
      <c r="O89" s="128"/>
      <c r="P89" s="128"/>
      <c r="Q89" s="128"/>
      <c r="R89" s="128"/>
      <c r="S89" s="128"/>
      <c r="T89" s="128"/>
      <c r="U89" s="128"/>
      <c r="V89" s="128"/>
      <c r="W89" s="128"/>
      <c r="X89" s="128"/>
    </row>
    <row r="90" spans="1:24" ht="45" customHeight="1">
      <c r="A90" s="87"/>
      <c r="B90" s="128"/>
      <c r="C90" s="128"/>
      <c r="D90" s="128"/>
      <c r="E90" s="128"/>
      <c r="F90" s="128"/>
      <c r="G90" s="128"/>
      <c r="H90" s="128"/>
      <c r="I90" s="128"/>
      <c r="J90" s="128"/>
      <c r="K90" s="128"/>
      <c r="L90" s="128"/>
      <c r="M90" s="128"/>
      <c r="N90" s="128"/>
      <c r="O90" s="128"/>
      <c r="P90" s="128"/>
      <c r="Q90" s="128"/>
      <c r="R90" s="128"/>
      <c r="S90" s="128"/>
      <c r="T90" s="128"/>
      <c r="U90" s="128"/>
      <c r="V90" s="128"/>
      <c r="W90" s="128"/>
      <c r="X90" s="128"/>
    </row>
    <row r="91" spans="1:24" ht="45" customHeight="1">
      <c r="A91" s="87"/>
      <c r="B91" s="128"/>
      <c r="C91" s="128"/>
      <c r="D91" s="128"/>
      <c r="E91" s="128"/>
      <c r="F91" s="128"/>
      <c r="G91" s="128"/>
      <c r="H91" s="128"/>
      <c r="I91" s="128"/>
      <c r="J91" s="128"/>
      <c r="K91" s="128"/>
      <c r="L91" s="128"/>
      <c r="M91" s="128"/>
      <c r="N91" s="128"/>
      <c r="O91" s="128"/>
      <c r="P91" s="128"/>
      <c r="Q91" s="128"/>
      <c r="R91" s="128"/>
      <c r="S91" s="128"/>
      <c r="T91" s="128"/>
      <c r="U91" s="128"/>
      <c r="V91" s="128"/>
      <c r="W91" s="128"/>
      <c r="X91" s="128"/>
    </row>
    <row r="92" spans="1:24" ht="45" customHeight="1">
      <c r="A92" s="87"/>
      <c r="B92" s="128"/>
      <c r="C92" s="128"/>
      <c r="D92" s="128"/>
      <c r="E92" s="128"/>
      <c r="F92" s="128"/>
      <c r="G92" s="128"/>
      <c r="H92" s="128"/>
      <c r="I92" s="128"/>
      <c r="J92" s="128"/>
      <c r="K92" s="128"/>
      <c r="L92" s="128"/>
      <c r="M92" s="128"/>
      <c r="N92" s="128"/>
      <c r="O92" s="128"/>
      <c r="P92" s="128"/>
      <c r="Q92" s="128"/>
      <c r="R92" s="128"/>
      <c r="S92" s="128"/>
      <c r="T92" s="128"/>
      <c r="U92" s="128"/>
      <c r="V92" s="128"/>
      <c r="W92" s="128"/>
      <c r="X92" s="128"/>
    </row>
    <row r="93" spans="1:24" ht="45" customHeight="1">
      <c r="A93" s="87"/>
      <c r="B93" s="128"/>
      <c r="C93" s="128"/>
      <c r="D93" s="128"/>
      <c r="E93" s="128"/>
      <c r="F93" s="128"/>
      <c r="G93" s="128"/>
      <c r="H93" s="128"/>
      <c r="I93" s="128"/>
      <c r="J93" s="128"/>
      <c r="K93" s="128"/>
      <c r="L93" s="128"/>
      <c r="M93" s="128"/>
      <c r="N93" s="128"/>
      <c r="O93" s="128"/>
      <c r="P93" s="128"/>
      <c r="Q93" s="128"/>
      <c r="R93" s="128"/>
      <c r="S93" s="128"/>
      <c r="T93" s="128"/>
      <c r="U93" s="128"/>
      <c r="V93" s="128"/>
      <c r="W93" s="128"/>
      <c r="X93" s="128"/>
    </row>
    <row r="94" spans="1:24" ht="45" customHeight="1">
      <c r="A94" s="87"/>
      <c r="B94" s="128"/>
      <c r="C94" s="128"/>
      <c r="D94" s="128"/>
      <c r="E94" s="128"/>
      <c r="F94" s="128"/>
      <c r="G94" s="128"/>
      <c r="H94" s="128"/>
      <c r="I94" s="128"/>
      <c r="J94" s="128"/>
      <c r="K94" s="128"/>
      <c r="L94" s="128"/>
      <c r="M94" s="128"/>
      <c r="N94" s="128"/>
      <c r="O94" s="128"/>
      <c r="P94" s="128"/>
      <c r="Q94" s="128"/>
      <c r="R94" s="128"/>
      <c r="S94" s="128"/>
      <c r="T94" s="128"/>
      <c r="U94" s="128"/>
      <c r="V94" s="128"/>
      <c r="W94" s="128"/>
      <c r="X94" s="128"/>
    </row>
    <row r="95" spans="1:24" ht="45" customHeight="1">
      <c r="A95" s="87"/>
      <c r="B95" s="128"/>
      <c r="C95" s="128"/>
      <c r="D95" s="128"/>
      <c r="E95" s="128"/>
      <c r="F95" s="128"/>
      <c r="G95" s="128"/>
      <c r="H95" s="128"/>
      <c r="I95" s="128"/>
      <c r="J95" s="128"/>
      <c r="K95" s="128"/>
      <c r="L95" s="128"/>
      <c r="M95" s="128"/>
      <c r="N95" s="128"/>
      <c r="O95" s="128"/>
      <c r="P95" s="128"/>
      <c r="Q95" s="128"/>
      <c r="R95" s="128"/>
      <c r="S95" s="128"/>
      <c r="T95" s="128"/>
      <c r="U95" s="128"/>
      <c r="V95" s="128"/>
      <c r="W95" s="128"/>
      <c r="X95" s="128"/>
    </row>
    <row r="96" spans="1:24" ht="45" customHeight="1">
      <c r="A96" s="87"/>
      <c r="B96" s="128"/>
      <c r="C96" s="128"/>
      <c r="D96" s="128"/>
      <c r="E96" s="128"/>
      <c r="F96" s="128"/>
      <c r="G96" s="128"/>
      <c r="H96" s="128"/>
      <c r="I96" s="128"/>
      <c r="J96" s="128"/>
      <c r="K96" s="128"/>
      <c r="L96" s="128"/>
      <c r="M96" s="128"/>
      <c r="N96" s="128"/>
      <c r="O96" s="128"/>
      <c r="P96" s="128"/>
      <c r="Q96" s="128"/>
      <c r="R96" s="128"/>
      <c r="S96" s="128"/>
      <c r="T96" s="128"/>
      <c r="U96" s="128"/>
      <c r="V96" s="128"/>
      <c r="W96" s="128"/>
      <c r="X96" s="128"/>
    </row>
    <row r="97" spans="1:24" ht="45" customHeight="1">
      <c r="A97" s="87"/>
      <c r="B97" s="128"/>
      <c r="C97" s="128"/>
      <c r="D97" s="128"/>
      <c r="E97" s="128"/>
      <c r="F97" s="128"/>
      <c r="G97" s="128"/>
      <c r="H97" s="128"/>
      <c r="I97" s="128"/>
      <c r="J97" s="128"/>
      <c r="K97" s="128"/>
      <c r="L97" s="128"/>
      <c r="M97" s="128"/>
      <c r="N97" s="128"/>
      <c r="O97" s="128"/>
      <c r="P97" s="128"/>
      <c r="Q97" s="128"/>
      <c r="R97" s="128"/>
      <c r="S97" s="128"/>
      <c r="T97" s="128"/>
      <c r="U97" s="128"/>
      <c r="V97" s="128"/>
      <c r="W97" s="128"/>
      <c r="X97" s="128"/>
    </row>
    <row r="98" spans="1:24" ht="45" customHeight="1">
      <c r="A98" s="87"/>
      <c r="B98" s="128"/>
      <c r="C98" s="128"/>
      <c r="D98" s="128"/>
      <c r="E98" s="128"/>
      <c r="F98" s="128"/>
      <c r="G98" s="128"/>
      <c r="H98" s="128"/>
      <c r="I98" s="128"/>
      <c r="J98" s="128"/>
      <c r="K98" s="128"/>
      <c r="L98" s="128"/>
      <c r="M98" s="128"/>
      <c r="N98" s="128"/>
      <c r="O98" s="128"/>
      <c r="P98" s="128"/>
      <c r="Q98" s="128"/>
      <c r="R98" s="128"/>
      <c r="S98" s="128"/>
      <c r="T98" s="128"/>
      <c r="U98" s="128"/>
      <c r="V98" s="128"/>
      <c r="W98" s="128"/>
      <c r="X98" s="128"/>
    </row>
    <row r="99" spans="1:24" ht="45" customHeight="1">
      <c r="A99" s="87"/>
      <c r="B99" s="128"/>
      <c r="C99" s="128"/>
      <c r="D99" s="128"/>
      <c r="E99" s="128"/>
      <c r="F99" s="128"/>
      <c r="G99" s="128"/>
      <c r="H99" s="128"/>
      <c r="I99" s="128"/>
      <c r="J99" s="128"/>
      <c r="K99" s="128"/>
      <c r="L99" s="128"/>
      <c r="M99" s="128"/>
      <c r="N99" s="128"/>
      <c r="O99" s="128"/>
      <c r="P99" s="128"/>
      <c r="Q99" s="128"/>
      <c r="R99" s="128"/>
      <c r="S99" s="128"/>
      <c r="T99" s="128"/>
      <c r="U99" s="128"/>
      <c r="V99" s="128"/>
      <c r="W99" s="128"/>
      <c r="X99" s="128"/>
    </row>
    <row r="100" spans="1:24" ht="45" customHeight="1">
      <c r="A100" s="87"/>
      <c r="B100" s="128"/>
      <c r="C100" s="128"/>
      <c r="D100" s="128"/>
      <c r="E100" s="128"/>
      <c r="F100" s="128"/>
      <c r="G100" s="128"/>
      <c r="H100" s="128"/>
      <c r="I100" s="128"/>
      <c r="J100" s="128"/>
      <c r="K100" s="128"/>
      <c r="L100" s="128"/>
      <c r="M100" s="128"/>
      <c r="N100" s="128"/>
      <c r="O100" s="128"/>
      <c r="P100" s="128"/>
      <c r="Q100" s="128"/>
      <c r="R100" s="128"/>
      <c r="S100" s="128"/>
      <c r="T100" s="128"/>
      <c r="U100" s="128"/>
      <c r="V100" s="128"/>
      <c r="W100" s="128"/>
      <c r="X100" s="128"/>
    </row>
    <row r="101" spans="1:24" ht="45" customHeight="1">
      <c r="A101" s="87"/>
      <c r="B101" s="128"/>
      <c r="C101" s="128"/>
      <c r="D101" s="128"/>
      <c r="E101" s="128"/>
      <c r="F101" s="128"/>
      <c r="G101" s="128"/>
      <c r="H101" s="128"/>
      <c r="I101" s="128"/>
      <c r="J101" s="128"/>
      <c r="K101" s="128"/>
      <c r="L101" s="128"/>
      <c r="M101" s="128"/>
      <c r="N101" s="128"/>
      <c r="O101" s="128"/>
      <c r="P101" s="128"/>
      <c r="Q101" s="128"/>
      <c r="R101" s="128"/>
      <c r="S101" s="128"/>
      <c r="T101" s="128"/>
      <c r="U101" s="128"/>
      <c r="V101" s="128"/>
      <c r="W101" s="128"/>
      <c r="X101" s="128"/>
    </row>
    <row r="102" spans="1:24" ht="45" customHeight="1">
      <c r="A102" s="87"/>
      <c r="B102" s="128"/>
      <c r="C102" s="128"/>
      <c r="D102" s="128"/>
      <c r="E102" s="128"/>
      <c r="F102" s="128"/>
      <c r="G102" s="128"/>
      <c r="H102" s="128"/>
      <c r="I102" s="128"/>
      <c r="J102" s="128"/>
      <c r="K102" s="128"/>
      <c r="L102" s="128"/>
      <c r="M102" s="128"/>
      <c r="N102" s="128"/>
      <c r="O102" s="128"/>
      <c r="P102" s="128"/>
      <c r="Q102" s="128"/>
      <c r="R102" s="128"/>
      <c r="S102" s="128"/>
      <c r="T102" s="128"/>
      <c r="U102" s="128"/>
      <c r="V102" s="128"/>
      <c r="W102" s="128"/>
      <c r="X102" s="128"/>
    </row>
    <row r="103" spans="1:24" ht="45" customHeight="1">
      <c r="A103" s="87"/>
      <c r="B103" s="128"/>
      <c r="C103" s="128"/>
      <c r="D103" s="128"/>
      <c r="E103" s="128"/>
      <c r="F103" s="128"/>
      <c r="G103" s="128"/>
      <c r="H103" s="128"/>
      <c r="I103" s="128"/>
      <c r="J103" s="128"/>
      <c r="K103" s="128"/>
      <c r="L103" s="128"/>
      <c r="M103" s="128"/>
      <c r="N103" s="128"/>
      <c r="O103" s="128"/>
      <c r="P103" s="128"/>
      <c r="Q103" s="128"/>
      <c r="R103" s="128"/>
      <c r="S103" s="128"/>
      <c r="T103" s="128"/>
      <c r="U103" s="128"/>
      <c r="V103" s="128"/>
      <c r="W103" s="128"/>
      <c r="X103" s="128"/>
    </row>
    <row r="104" spans="1:24" ht="45" customHeight="1">
      <c r="A104" s="87"/>
      <c r="B104" s="128"/>
      <c r="C104" s="128"/>
      <c r="D104" s="128"/>
      <c r="E104" s="128"/>
      <c r="F104" s="128"/>
      <c r="G104" s="128"/>
      <c r="H104" s="128"/>
      <c r="I104" s="128"/>
      <c r="J104" s="128"/>
      <c r="K104" s="128"/>
      <c r="L104" s="128"/>
      <c r="M104" s="128"/>
      <c r="N104" s="128"/>
      <c r="O104" s="128"/>
      <c r="P104" s="128"/>
      <c r="Q104" s="128"/>
      <c r="R104" s="128"/>
      <c r="S104" s="128"/>
      <c r="T104" s="128"/>
      <c r="U104" s="128"/>
      <c r="V104" s="128"/>
      <c r="W104" s="128"/>
      <c r="X104" s="128"/>
    </row>
    <row r="105" spans="1:24" ht="45" customHeight="1">
      <c r="A105" s="87"/>
      <c r="B105" s="128"/>
      <c r="C105" s="128"/>
      <c r="D105" s="128"/>
      <c r="E105" s="128"/>
      <c r="F105" s="128"/>
      <c r="G105" s="128"/>
      <c r="H105" s="128"/>
      <c r="I105" s="128"/>
      <c r="J105" s="128"/>
      <c r="K105" s="128"/>
      <c r="L105" s="128"/>
      <c r="M105" s="128"/>
      <c r="N105" s="128"/>
      <c r="O105" s="128"/>
      <c r="P105" s="128"/>
      <c r="Q105" s="128"/>
      <c r="R105" s="128"/>
      <c r="S105" s="128"/>
      <c r="T105" s="128"/>
      <c r="U105" s="128"/>
      <c r="V105" s="128"/>
      <c r="W105" s="128"/>
      <c r="X105" s="128"/>
    </row>
    <row r="106" spans="1:24" ht="45" customHeight="1">
      <c r="A106" s="87"/>
      <c r="B106" s="128"/>
      <c r="C106" s="128"/>
      <c r="D106" s="128"/>
      <c r="E106" s="128"/>
      <c r="F106" s="128"/>
      <c r="G106" s="128"/>
      <c r="H106" s="128"/>
      <c r="I106" s="128"/>
      <c r="J106" s="128"/>
      <c r="K106" s="128"/>
      <c r="L106" s="128"/>
      <c r="M106" s="128"/>
      <c r="N106" s="128"/>
      <c r="O106" s="128"/>
      <c r="P106" s="128"/>
      <c r="Q106" s="128"/>
      <c r="R106" s="128"/>
      <c r="S106" s="128"/>
      <c r="T106" s="128"/>
      <c r="U106" s="128"/>
      <c r="V106" s="128"/>
      <c r="W106" s="128"/>
      <c r="X106" s="128"/>
    </row>
    <row r="107" spans="1:24" ht="45" customHeight="1">
      <c r="A107" s="87"/>
      <c r="B107" s="162"/>
      <c r="C107" s="128" t="s">
        <v>63</v>
      </c>
      <c r="D107" s="128"/>
      <c r="E107" s="128"/>
      <c r="F107" s="128"/>
      <c r="G107" s="128"/>
      <c r="H107" s="128"/>
      <c r="I107" s="128"/>
      <c r="J107" s="128"/>
      <c r="K107" s="128"/>
      <c r="L107" s="128"/>
      <c r="M107" s="128"/>
      <c r="N107" s="128"/>
      <c r="O107" s="128"/>
      <c r="P107" s="128"/>
      <c r="Q107" s="128"/>
      <c r="R107" s="128"/>
      <c r="S107" s="128"/>
      <c r="T107" s="128"/>
      <c r="U107" s="128"/>
      <c r="V107" s="128"/>
      <c r="W107" s="128"/>
      <c r="X107" s="128"/>
    </row>
    <row r="108" spans="1:24" ht="45" customHeight="1">
      <c r="A108" s="87"/>
      <c r="B108" s="128" t="s">
        <v>64</v>
      </c>
      <c r="C108" s="128"/>
      <c r="D108" s="128"/>
      <c r="E108" s="128"/>
      <c r="F108" s="128"/>
      <c r="G108" s="128"/>
      <c r="H108" s="128"/>
      <c r="I108" s="128"/>
      <c r="J108" s="128"/>
      <c r="K108" s="128"/>
      <c r="L108" s="128"/>
      <c r="M108" s="128"/>
      <c r="N108" s="128"/>
      <c r="O108" s="128"/>
      <c r="P108" s="128"/>
      <c r="Q108" s="128"/>
      <c r="R108" s="128"/>
      <c r="S108" s="128"/>
      <c r="T108" s="128"/>
      <c r="U108" s="128"/>
      <c r="V108" s="128"/>
      <c r="W108" s="128"/>
      <c r="X108" s="128"/>
    </row>
    <row r="109" spans="1:24" ht="45" customHeight="1">
      <c r="A109" s="87"/>
      <c r="B109" s="128"/>
      <c r="C109" s="128"/>
      <c r="D109" s="128"/>
      <c r="E109" s="128"/>
      <c r="F109" s="128"/>
      <c r="G109" s="128"/>
      <c r="H109" s="128"/>
      <c r="I109" s="128"/>
      <c r="J109" s="128"/>
      <c r="K109" s="128"/>
      <c r="L109" s="128"/>
      <c r="M109" s="128"/>
      <c r="N109" s="128"/>
      <c r="O109" s="128"/>
      <c r="P109" s="128"/>
      <c r="Q109" s="128"/>
      <c r="R109" s="128"/>
      <c r="S109" s="128"/>
      <c r="T109" s="128"/>
      <c r="U109" s="128"/>
      <c r="V109" s="128"/>
      <c r="W109" s="128"/>
      <c r="X109" s="128"/>
    </row>
    <row r="110" spans="1:24" ht="45" customHeight="1">
      <c r="A110" s="87"/>
      <c r="B110" s="128"/>
      <c r="C110" s="128"/>
      <c r="D110" s="128"/>
      <c r="E110" s="128"/>
      <c r="F110" s="128"/>
      <c r="G110" s="128"/>
      <c r="H110" s="128"/>
      <c r="I110" s="128"/>
      <c r="J110" s="128"/>
      <c r="K110" s="128"/>
      <c r="L110" s="128"/>
      <c r="M110" s="128"/>
      <c r="N110" s="128"/>
      <c r="O110" s="128"/>
      <c r="P110" s="128"/>
      <c r="Q110" s="128"/>
      <c r="R110" s="128"/>
      <c r="S110" s="128"/>
      <c r="T110" s="128"/>
      <c r="U110" s="128"/>
      <c r="V110" s="128"/>
      <c r="W110" s="128"/>
      <c r="X110" s="128"/>
    </row>
    <row r="111" spans="1:24" ht="45" customHeight="1">
      <c r="A111" s="87"/>
      <c r="B111" s="128"/>
      <c r="C111" s="128"/>
      <c r="D111" s="128"/>
      <c r="E111" s="128"/>
      <c r="F111" s="128"/>
      <c r="G111" s="128"/>
      <c r="H111" s="128"/>
      <c r="I111" s="128"/>
      <c r="J111" s="128"/>
      <c r="K111" s="128"/>
      <c r="L111" s="128"/>
      <c r="M111" s="128"/>
      <c r="N111" s="128"/>
      <c r="O111" s="128"/>
      <c r="P111" s="128"/>
      <c r="Q111" s="128"/>
      <c r="R111" s="128"/>
      <c r="S111" s="128"/>
      <c r="T111" s="128"/>
      <c r="U111" s="128"/>
      <c r="V111" s="128"/>
      <c r="W111" s="128"/>
      <c r="X111" s="128"/>
    </row>
    <row r="112" spans="1:24" ht="45" customHeight="1">
      <c r="A112" s="87"/>
      <c r="B112" s="128"/>
      <c r="C112" s="128"/>
      <c r="D112" s="128"/>
      <c r="E112" s="128"/>
      <c r="F112" s="128"/>
      <c r="G112" s="128"/>
      <c r="H112" s="128"/>
      <c r="I112" s="128"/>
      <c r="J112" s="128"/>
      <c r="K112" s="128"/>
      <c r="L112" s="128"/>
      <c r="M112" s="128"/>
      <c r="N112" s="128"/>
      <c r="O112" s="128"/>
      <c r="P112" s="128"/>
      <c r="Q112" s="128"/>
      <c r="R112" s="128"/>
      <c r="S112" s="128"/>
      <c r="T112" s="128"/>
      <c r="U112" s="128"/>
      <c r="V112" s="128"/>
      <c r="W112" s="128"/>
      <c r="X112" s="128"/>
    </row>
    <row r="113" spans="1:24" ht="45" customHeight="1">
      <c r="A113" s="87"/>
      <c r="B113" s="128"/>
      <c r="C113" s="128"/>
      <c r="D113" s="128"/>
      <c r="E113" s="128"/>
      <c r="F113" s="128"/>
      <c r="G113" s="128"/>
      <c r="H113" s="128"/>
      <c r="I113" s="128"/>
      <c r="J113" s="128"/>
      <c r="K113" s="128"/>
      <c r="L113" s="128"/>
      <c r="M113" s="128"/>
      <c r="N113" s="128"/>
      <c r="O113" s="128"/>
      <c r="P113" s="128"/>
      <c r="Q113" s="128"/>
      <c r="R113" s="128"/>
      <c r="S113" s="128"/>
      <c r="T113" s="128"/>
      <c r="U113" s="128"/>
      <c r="V113" s="128"/>
      <c r="W113" s="128"/>
      <c r="X113" s="128"/>
    </row>
    <row r="114" spans="1:24" ht="45" customHeight="1">
      <c r="A114" s="87"/>
      <c r="B114" s="128"/>
      <c r="C114" s="128"/>
      <c r="D114" s="128"/>
      <c r="E114" s="128"/>
      <c r="F114" s="128"/>
      <c r="G114" s="128"/>
      <c r="H114" s="128"/>
      <c r="I114" s="128"/>
      <c r="J114" s="128"/>
      <c r="K114" s="128"/>
      <c r="L114" s="128"/>
      <c r="M114" s="128"/>
      <c r="N114" s="128"/>
      <c r="O114" s="128"/>
      <c r="P114" s="128"/>
      <c r="Q114" s="128"/>
      <c r="R114" s="128"/>
      <c r="S114" s="128"/>
      <c r="T114" s="128"/>
      <c r="U114" s="128"/>
      <c r="V114" s="128"/>
      <c r="W114" s="128"/>
      <c r="X114" s="128"/>
    </row>
    <row r="115" spans="1:24" ht="45" customHeight="1">
      <c r="A115" s="87"/>
      <c r="B115" s="128"/>
      <c r="C115" s="128"/>
      <c r="D115" s="128"/>
      <c r="E115" s="128"/>
      <c r="F115" s="128"/>
      <c r="G115" s="128"/>
      <c r="H115" s="128"/>
      <c r="I115" s="128"/>
      <c r="J115" s="128"/>
      <c r="K115" s="128"/>
      <c r="L115" s="128"/>
      <c r="M115" s="128"/>
      <c r="N115" s="128"/>
      <c r="O115" s="128"/>
      <c r="P115" s="128"/>
      <c r="Q115" s="128"/>
      <c r="R115" s="128"/>
      <c r="S115" s="128"/>
      <c r="T115" s="128"/>
      <c r="U115" s="128"/>
      <c r="V115" s="128"/>
      <c r="W115" s="128"/>
      <c r="X115" s="128"/>
    </row>
    <row r="116" spans="1:24" ht="45" customHeight="1">
      <c r="A116" s="87"/>
      <c r="B116" s="128"/>
      <c r="C116" s="128"/>
      <c r="D116" s="128"/>
      <c r="E116" s="128"/>
      <c r="F116" s="128"/>
      <c r="G116" s="128"/>
      <c r="H116" s="128"/>
      <c r="I116" s="128"/>
      <c r="J116" s="128"/>
      <c r="K116" s="128"/>
      <c r="L116" s="128"/>
      <c r="M116" s="128"/>
      <c r="N116" s="128"/>
      <c r="O116" s="128"/>
      <c r="P116" s="128"/>
      <c r="Q116" s="128"/>
      <c r="R116" s="128"/>
      <c r="S116" s="128"/>
      <c r="T116" s="128"/>
      <c r="U116" s="128"/>
      <c r="V116" s="128"/>
      <c r="W116" s="128"/>
      <c r="X116" s="128"/>
    </row>
    <row r="117" spans="1:24" ht="45" customHeight="1">
      <c r="A117" s="87"/>
      <c r="B117" s="128"/>
      <c r="C117" s="128"/>
      <c r="D117" s="128"/>
      <c r="E117" s="128"/>
      <c r="F117" s="128"/>
      <c r="G117" s="128"/>
      <c r="H117" s="128"/>
      <c r="I117" s="128"/>
      <c r="J117" s="128"/>
      <c r="K117" s="128"/>
      <c r="L117" s="128"/>
      <c r="M117" s="128"/>
      <c r="N117" s="128"/>
      <c r="O117" s="128"/>
      <c r="P117" s="128"/>
      <c r="Q117" s="128"/>
      <c r="R117" s="128"/>
      <c r="S117" s="128"/>
      <c r="T117" s="128"/>
      <c r="U117" s="128"/>
      <c r="V117" s="128"/>
      <c r="W117" s="128"/>
      <c r="X117" s="128"/>
    </row>
    <row r="118" spans="1:24" ht="45" customHeight="1">
      <c r="A118" s="87"/>
      <c r="B118" s="128"/>
      <c r="C118" s="128"/>
      <c r="D118" s="128"/>
      <c r="E118" s="128"/>
      <c r="F118" s="128"/>
      <c r="G118" s="128"/>
      <c r="H118" s="128"/>
      <c r="I118" s="128"/>
      <c r="J118" s="128"/>
      <c r="K118" s="128"/>
      <c r="L118" s="128"/>
      <c r="M118" s="128"/>
      <c r="N118" s="128"/>
      <c r="O118" s="128"/>
      <c r="P118" s="128"/>
      <c r="Q118" s="128"/>
      <c r="R118" s="128"/>
      <c r="S118" s="128"/>
      <c r="T118" s="128"/>
      <c r="U118" s="128"/>
      <c r="V118" s="128"/>
      <c r="W118" s="128"/>
      <c r="X118" s="128"/>
    </row>
    <row r="119" spans="1:24" ht="45" customHeight="1">
      <c r="A119" s="87"/>
      <c r="B119" s="128"/>
      <c r="C119" s="128"/>
      <c r="D119" s="128"/>
      <c r="E119" s="128"/>
      <c r="F119" s="128"/>
      <c r="G119" s="128"/>
      <c r="H119" s="128"/>
      <c r="I119" s="128"/>
      <c r="J119" s="128"/>
      <c r="K119" s="128"/>
      <c r="L119" s="128"/>
      <c r="M119" s="128"/>
      <c r="N119" s="128"/>
      <c r="O119" s="128"/>
      <c r="P119" s="128"/>
      <c r="Q119" s="128"/>
      <c r="R119" s="128"/>
      <c r="S119" s="128"/>
      <c r="T119" s="128"/>
      <c r="U119" s="128"/>
      <c r="V119" s="128"/>
      <c r="W119" s="128"/>
      <c r="X119" s="128"/>
    </row>
    <row r="120" spans="1:24" ht="45" customHeight="1">
      <c r="A120" s="87"/>
      <c r="B120" s="128"/>
      <c r="C120" s="128"/>
      <c r="D120" s="128"/>
      <c r="E120" s="128"/>
      <c r="F120" s="128"/>
      <c r="G120" s="128"/>
      <c r="H120" s="128"/>
      <c r="I120" s="128"/>
      <c r="J120" s="128"/>
      <c r="K120" s="128"/>
      <c r="L120" s="128"/>
      <c r="M120" s="128"/>
      <c r="N120" s="128"/>
      <c r="O120" s="128"/>
      <c r="P120" s="128"/>
      <c r="Q120" s="128"/>
      <c r="R120" s="128"/>
      <c r="S120" s="128"/>
      <c r="T120" s="128"/>
      <c r="U120" s="128"/>
      <c r="V120" s="128"/>
      <c r="W120" s="128"/>
      <c r="X120" s="128"/>
    </row>
    <row r="121" spans="1:24" ht="45" customHeight="1">
      <c r="A121" s="87"/>
      <c r="B121" s="128"/>
      <c r="C121" s="128"/>
      <c r="D121" s="128"/>
      <c r="E121" s="128"/>
      <c r="F121" s="128"/>
      <c r="G121" s="128"/>
      <c r="H121" s="128"/>
      <c r="I121" s="128"/>
      <c r="J121" s="128"/>
      <c r="K121" s="128"/>
      <c r="L121" s="128"/>
      <c r="M121" s="128"/>
      <c r="N121" s="128"/>
      <c r="O121" s="128"/>
      <c r="P121" s="128"/>
      <c r="Q121" s="128"/>
      <c r="R121" s="128"/>
      <c r="S121" s="128"/>
      <c r="T121" s="128"/>
      <c r="U121" s="128"/>
      <c r="V121" s="128"/>
      <c r="W121" s="128"/>
      <c r="X121" s="128"/>
    </row>
    <row r="122" spans="1:24" ht="45" customHeight="1">
      <c r="A122" s="87"/>
      <c r="B122" s="128"/>
      <c r="C122" s="128"/>
      <c r="D122" s="128"/>
      <c r="E122" s="128"/>
      <c r="F122" s="128"/>
      <c r="G122" s="128"/>
      <c r="H122" s="128"/>
      <c r="I122" s="128"/>
      <c r="J122" s="128"/>
      <c r="K122" s="128"/>
      <c r="L122" s="128"/>
      <c r="M122" s="128"/>
      <c r="N122" s="128"/>
      <c r="O122" s="128"/>
      <c r="P122" s="128"/>
      <c r="Q122" s="128"/>
      <c r="R122" s="128"/>
      <c r="S122" s="128"/>
      <c r="T122" s="128"/>
      <c r="U122" s="128"/>
      <c r="V122" s="128"/>
      <c r="W122" s="128"/>
      <c r="X122" s="128"/>
    </row>
    <row r="123" spans="1:24" ht="45" customHeight="1">
      <c r="A123" s="87"/>
      <c r="B123" s="128"/>
      <c r="C123" s="128"/>
      <c r="D123" s="128"/>
      <c r="E123" s="128"/>
      <c r="F123" s="128"/>
      <c r="G123" s="128"/>
      <c r="H123" s="128"/>
      <c r="I123" s="128"/>
      <c r="J123" s="128"/>
      <c r="K123" s="128"/>
      <c r="L123" s="128"/>
      <c r="M123" s="128"/>
      <c r="N123" s="128"/>
      <c r="O123" s="128"/>
      <c r="P123" s="128"/>
      <c r="Q123" s="128"/>
      <c r="R123" s="128"/>
      <c r="S123" s="128"/>
      <c r="T123" s="128"/>
      <c r="U123" s="128"/>
      <c r="V123" s="128"/>
      <c r="W123" s="128"/>
      <c r="X123" s="128"/>
    </row>
    <row r="124" spans="1:24" ht="45" customHeight="1">
      <c r="A124" s="87"/>
      <c r="B124" s="128"/>
      <c r="C124" s="128"/>
      <c r="D124" s="128"/>
      <c r="E124" s="128"/>
      <c r="F124" s="128"/>
      <c r="G124" s="128"/>
      <c r="H124" s="128"/>
      <c r="I124" s="128"/>
      <c r="J124" s="128"/>
      <c r="K124" s="128"/>
      <c r="L124" s="128"/>
      <c r="M124" s="128"/>
      <c r="N124" s="128"/>
      <c r="O124" s="128"/>
      <c r="P124" s="128"/>
      <c r="Q124" s="128"/>
      <c r="R124" s="128"/>
      <c r="S124" s="128"/>
      <c r="T124" s="128"/>
      <c r="U124" s="128"/>
      <c r="V124" s="128"/>
      <c r="W124" s="128"/>
      <c r="X124" s="128"/>
    </row>
    <row r="125" spans="1:24" ht="15" customHeight="1">
      <c r="A125" s="87"/>
      <c r="B125" s="128"/>
      <c r="C125" s="128"/>
      <c r="D125" s="128"/>
      <c r="E125" s="128"/>
      <c r="F125" s="128"/>
      <c r="G125" s="128"/>
      <c r="H125" s="128"/>
      <c r="I125" s="128"/>
      <c r="J125" s="128"/>
      <c r="K125" s="128"/>
      <c r="L125" s="128"/>
      <c r="M125" s="128"/>
      <c r="N125" s="128"/>
      <c r="O125" s="128"/>
      <c r="P125" s="128"/>
      <c r="Q125" s="128"/>
      <c r="R125" s="128"/>
      <c r="S125" s="128"/>
      <c r="T125" s="128"/>
      <c r="U125" s="128"/>
      <c r="V125" s="128"/>
      <c r="W125" s="128"/>
      <c r="X125" s="128"/>
    </row>
    <row r="126" spans="1:24" ht="15" customHeight="1">
      <c r="A126" s="87"/>
      <c r="B126" s="128"/>
      <c r="C126" s="128"/>
      <c r="D126" s="128"/>
      <c r="E126" s="128"/>
      <c r="F126" s="128"/>
      <c r="G126" s="128"/>
      <c r="H126" s="128"/>
      <c r="I126" s="128"/>
      <c r="J126" s="128"/>
      <c r="K126" s="128"/>
      <c r="L126" s="128"/>
      <c r="M126" s="128"/>
      <c r="N126" s="128"/>
      <c r="O126" s="128"/>
      <c r="P126" s="128"/>
      <c r="Q126" s="128"/>
      <c r="R126" s="128"/>
      <c r="S126" s="128"/>
      <c r="T126" s="128"/>
      <c r="U126" s="128"/>
      <c r="V126" s="128"/>
      <c r="W126" s="128"/>
      <c r="X126" s="128"/>
    </row>
    <row r="127" spans="1:24" ht="15" customHeight="1">
      <c r="A127" s="87"/>
      <c r="B127" s="128"/>
      <c r="C127" s="128"/>
      <c r="D127" s="128"/>
      <c r="E127" s="128"/>
      <c r="F127" s="128"/>
      <c r="G127" s="128"/>
      <c r="H127" s="128"/>
      <c r="I127" s="128"/>
      <c r="J127" s="128"/>
      <c r="K127" s="128"/>
      <c r="L127" s="128"/>
      <c r="M127" s="128"/>
      <c r="N127" s="128"/>
      <c r="O127" s="128"/>
      <c r="P127" s="128"/>
      <c r="Q127" s="128"/>
      <c r="R127" s="128"/>
      <c r="S127" s="128"/>
      <c r="T127" s="128"/>
      <c r="U127" s="128"/>
      <c r="V127" s="128"/>
      <c r="W127" s="128"/>
      <c r="X127" s="128"/>
    </row>
    <row r="128" spans="1:24" ht="15" customHeight="1">
      <c r="A128" s="87"/>
      <c r="B128" s="128"/>
      <c r="C128" s="128"/>
      <c r="D128" s="128"/>
      <c r="E128" s="128"/>
      <c r="F128" s="128"/>
      <c r="G128" s="128"/>
      <c r="H128" s="128"/>
      <c r="I128" s="128"/>
      <c r="J128" s="128"/>
      <c r="K128" s="128"/>
      <c r="L128" s="128"/>
      <c r="M128" s="128"/>
      <c r="N128" s="128"/>
      <c r="O128" s="128"/>
      <c r="P128" s="128"/>
      <c r="Q128" s="128"/>
      <c r="R128" s="128"/>
      <c r="S128" s="128"/>
      <c r="T128" s="128"/>
      <c r="U128" s="128"/>
      <c r="V128" s="128"/>
      <c r="W128" s="128"/>
      <c r="X128" s="128"/>
    </row>
    <row r="129" spans="1:24" ht="15" customHeight="1">
      <c r="A129" s="87"/>
      <c r="B129" s="128"/>
      <c r="C129" s="128"/>
      <c r="D129" s="128"/>
      <c r="E129" s="128"/>
      <c r="F129" s="128"/>
      <c r="G129" s="128"/>
      <c r="H129" s="128"/>
      <c r="I129" s="128"/>
      <c r="J129" s="128"/>
      <c r="K129" s="128"/>
      <c r="L129" s="128"/>
      <c r="M129" s="128"/>
      <c r="N129" s="128"/>
      <c r="O129" s="128"/>
      <c r="P129" s="128"/>
      <c r="Q129" s="128"/>
      <c r="R129" s="128"/>
      <c r="S129" s="128"/>
      <c r="T129" s="128"/>
      <c r="U129" s="128"/>
      <c r="V129" s="128"/>
      <c r="W129" s="128"/>
      <c r="X129" s="128"/>
    </row>
    <row r="130" spans="1:24" ht="15" customHeight="1">
      <c r="A130" s="87"/>
      <c r="B130" s="128"/>
      <c r="C130" s="128"/>
      <c r="D130" s="128"/>
      <c r="E130" s="128"/>
      <c r="F130" s="128"/>
      <c r="G130" s="128"/>
      <c r="H130" s="128"/>
      <c r="I130" s="128"/>
      <c r="J130" s="128"/>
      <c r="K130" s="128"/>
      <c r="L130" s="128"/>
      <c r="M130" s="128"/>
      <c r="N130" s="128"/>
      <c r="O130" s="128"/>
      <c r="P130" s="128"/>
      <c r="Q130" s="128"/>
      <c r="R130" s="128"/>
      <c r="S130" s="128"/>
      <c r="T130" s="128"/>
      <c r="U130" s="128"/>
      <c r="V130" s="128"/>
      <c r="W130" s="128"/>
      <c r="X130" s="128"/>
    </row>
    <row r="131" spans="1:24" ht="15" customHeight="1">
      <c r="A131" s="87"/>
      <c r="B131" s="128"/>
      <c r="C131" s="128"/>
      <c r="D131" s="128"/>
      <c r="E131" s="128"/>
      <c r="F131" s="128"/>
      <c r="G131" s="128"/>
      <c r="H131" s="128"/>
      <c r="I131" s="128"/>
      <c r="J131" s="128"/>
      <c r="K131" s="128"/>
      <c r="L131" s="128"/>
      <c r="M131" s="128"/>
      <c r="N131" s="128"/>
      <c r="O131" s="128"/>
      <c r="P131" s="128"/>
      <c r="Q131" s="128"/>
      <c r="R131" s="128"/>
      <c r="S131" s="128"/>
      <c r="T131" s="128"/>
      <c r="U131" s="128"/>
      <c r="V131" s="128"/>
      <c r="W131" s="128"/>
      <c r="X131" s="128"/>
    </row>
    <row r="132" spans="1:24" ht="15" customHeight="1">
      <c r="A132" s="87"/>
      <c r="B132" s="128"/>
      <c r="C132" s="128"/>
      <c r="D132" s="128"/>
      <c r="E132" s="128"/>
      <c r="F132" s="128"/>
      <c r="G132" s="128"/>
      <c r="H132" s="128"/>
      <c r="I132" s="128"/>
      <c r="J132" s="128"/>
      <c r="K132" s="128"/>
      <c r="L132" s="128"/>
      <c r="M132" s="128"/>
      <c r="N132" s="128"/>
      <c r="O132" s="128"/>
      <c r="P132" s="128"/>
      <c r="Q132" s="128"/>
      <c r="R132" s="128"/>
      <c r="S132" s="128"/>
      <c r="T132" s="128"/>
      <c r="U132" s="128"/>
      <c r="V132" s="128"/>
      <c r="W132" s="128"/>
      <c r="X132" s="128"/>
    </row>
    <row r="133" spans="1:24" ht="15" customHeight="1">
      <c r="A133" s="87"/>
      <c r="B133" s="128"/>
      <c r="C133" s="128"/>
      <c r="D133" s="128"/>
      <c r="E133" s="128"/>
      <c r="F133" s="128"/>
      <c r="G133" s="128"/>
      <c r="H133" s="128"/>
      <c r="I133" s="128"/>
      <c r="J133" s="128"/>
      <c r="K133" s="128"/>
      <c r="L133" s="128"/>
      <c r="M133" s="128"/>
      <c r="N133" s="128"/>
      <c r="O133" s="128"/>
      <c r="P133" s="128"/>
      <c r="Q133" s="128"/>
      <c r="R133" s="128"/>
      <c r="S133" s="128"/>
      <c r="T133" s="128"/>
      <c r="U133" s="128"/>
      <c r="V133" s="128"/>
      <c r="W133" s="128"/>
      <c r="X133" s="128"/>
    </row>
    <row r="134" spans="1:24" ht="15" customHeight="1">
      <c r="A134" s="87"/>
      <c r="B134" s="128"/>
      <c r="C134" s="128"/>
      <c r="D134" s="128"/>
      <c r="E134" s="128"/>
      <c r="F134" s="128"/>
      <c r="G134" s="128"/>
      <c r="H134" s="128"/>
      <c r="I134" s="128"/>
      <c r="J134" s="128"/>
      <c r="K134" s="128"/>
      <c r="L134" s="128"/>
      <c r="M134" s="128"/>
      <c r="N134" s="128"/>
      <c r="O134" s="128"/>
      <c r="P134" s="128"/>
      <c r="Q134" s="128"/>
      <c r="R134" s="128"/>
      <c r="S134" s="128"/>
      <c r="T134" s="128"/>
      <c r="U134" s="128"/>
      <c r="V134" s="128"/>
      <c r="W134" s="128"/>
      <c r="X134" s="128"/>
    </row>
    <row r="135" spans="1:24" ht="15" customHeight="1">
      <c r="A135" s="87"/>
      <c r="B135" s="128"/>
      <c r="C135" s="128"/>
      <c r="D135" s="128"/>
      <c r="E135" s="128"/>
      <c r="F135" s="128"/>
      <c r="G135" s="128"/>
      <c r="H135" s="128"/>
      <c r="I135" s="128"/>
      <c r="J135" s="128"/>
      <c r="K135" s="128"/>
      <c r="L135" s="128"/>
      <c r="M135" s="128"/>
      <c r="N135" s="128"/>
      <c r="O135" s="128"/>
      <c r="P135" s="128"/>
      <c r="Q135" s="128"/>
      <c r="R135" s="128"/>
      <c r="S135" s="128"/>
      <c r="T135" s="128"/>
      <c r="U135" s="128"/>
      <c r="V135" s="128"/>
      <c r="W135" s="128"/>
      <c r="X135" s="128"/>
    </row>
    <row r="136" spans="1:24" ht="15" customHeight="1">
      <c r="A136" s="87"/>
      <c r="B136" s="128"/>
      <c r="C136" s="128"/>
      <c r="D136" s="128"/>
      <c r="E136" s="128"/>
      <c r="F136" s="128"/>
      <c r="G136" s="128"/>
      <c r="H136" s="128"/>
      <c r="I136" s="128"/>
      <c r="J136" s="128"/>
      <c r="K136" s="128"/>
      <c r="L136" s="128"/>
      <c r="M136" s="128"/>
      <c r="N136" s="128"/>
      <c r="O136" s="128"/>
      <c r="P136" s="128"/>
      <c r="Q136" s="128"/>
      <c r="R136" s="128"/>
      <c r="S136" s="128"/>
      <c r="T136" s="128"/>
      <c r="U136" s="128"/>
      <c r="V136" s="128"/>
      <c r="W136" s="128"/>
      <c r="X136" s="128"/>
    </row>
    <row r="137" spans="1:24" ht="15" customHeight="1">
      <c r="A137" s="87"/>
      <c r="B137" s="128"/>
      <c r="C137" s="128"/>
      <c r="D137" s="128"/>
      <c r="E137" s="128"/>
      <c r="F137" s="128"/>
      <c r="G137" s="128"/>
      <c r="H137" s="128"/>
      <c r="I137" s="128"/>
      <c r="J137" s="128"/>
      <c r="K137" s="128"/>
      <c r="L137" s="128"/>
      <c r="M137" s="128"/>
      <c r="N137" s="128"/>
      <c r="O137" s="128"/>
      <c r="P137" s="128"/>
      <c r="Q137" s="128"/>
      <c r="R137" s="128"/>
      <c r="S137" s="128"/>
      <c r="T137" s="128"/>
      <c r="U137" s="128"/>
      <c r="V137" s="128"/>
      <c r="W137" s="128"/>
      <c r="X137" s="128"/>
    </row>
    <row r="138" spans="1:24" ht="15" customHeight="1">
      <c r="A138" s="87"/>
      <c r="B138" s="128"/>
      <c r="C138" s="128"/>
      <c r="D138" s="128"/>
      <c r="E138" s="128"/>
      <c r="F138" s="128"/>
      <c r="G138" s="128"/>
      <c r="H138" s="128"/>
      <c r="I138" s="128"/>
      <c r="J138" s="128"/>
      <c r="K138" s="128"/>
      <c r="L138" s="128"/>
      <c r="M138" s="128"/>
      <c r="N138" s="128"/>
      <c r="O138" s="128"/>
      <c r="P138" s="128"/>
      <c r="Q138" s="128"/>
      <c r="R138" s="128"/>
      <c r="S138" s="128"/>
      <c r="T138" s="128"/>
      <c r="U138" s="128"/>
      <c r="V138" s="128"/>
      <c r="W138" s="128"/>
      <c r="X138" s="128"/>
    </row>
    <row r="139" spans="1:24" ht="15" customHeight="1">
      <c r="A139" s="87"/>
      <c r="B139" s="128"/>
      <c r="C139" s="128"/>
      <c r="D139" s="128"/>
      <c r="E139" s="128"/>
      <c r="F139" s="128"/>
      <c r="G139" s="128"/>
      <c r="H139" s="128"/>
      <c r="I139" s="128"/>
      <c r="J139" s="128"/>
      <c r="K139" s="128"/>
      <c r="L139" s="128"/>
      <c r="M139" s="128"/>
      <c r="N139" s="128"/>
      <c r="O139" s="128"/>
      <c r="P139" s="128"/>
      <c r="Q139" s="128"/>
      <c r="R139" s="128"/>
      <c r="S139" s="128"/>
      <c r="T139" s="128"/>
      <c r="U139" s="128"/>
      <c r="V139" s="128"/>
      <c r="W139" s="128"/>
      <c r="X139" s="128"/>
    </row>
    <row r="140" spans="1:24" ht="15" customHeight="1">
      <c r="A140" s="87"/>
      <c r="B140" s="128"/>
      <c r="C140" s="128"/>
      <c r="D140" s="128"/>
      <c r="E140" s="128"/>
      <c r="F140" s="128"/>
      <c r="G140" s="128"/>
      <c r="H140" s="128"/>
      <c r="I140" s="128"/>
      <c r="J140" s="128"/>
      <c r="K140" s="128"/>
      <c r="L140" s="128"/>
      <c r="M140" s="128"/>
      <c r="N140" s="128"/>
      <c r="O140" s="128"/>
      <c r="P140" s="128"/>
      <c r="Q140" s="128"/>
      <c r="R140" s="128"/>
      <c r="S140" s="128"/>
      <c r="T140" s="128"/>
      <c r="U140" s="128"/>
      <c r="V140" s="128"/>
      <c r="W140" s="128"/>
      <c r="X140" s="128"/>
    </row>
    <row r="141" spans="1:24" ht="15" customHeight="1">
      <c r="A141" s="87"/>
      <c r="B141" s="128"/>
      <c r="C141" s="128"/>
      <c r="D141" s="128"/>
      <c r="E141" s="128"/>
      <c r="F141" s="128"/>
      <c r="G141" s="128"/>
      <c r="H141" s="128"/>
      <c r="I141" s="128"/>
      <c r="J141" s="128"/>
      <c r="K141" s="128"/>
      <c r="L141" s="128"/>
      <c r="M141" s="128"/>
      <c r="N141" s="128"/>
      <c r="O141" s="128"/>
      <c r="P141" s="128"/>
      <c r="Q141" s="128"/>
      <c r="R141" s="128"/>
      <c r="S141" s="128"/>
      <c r="T141" s="128"/>
      <c r="U141" s="128"/>
      <c r="V141" s="128"/>
      <c r="W141" s="128"/>
      <c r="X141" s="128"/>
    </row>
    <row r="142" spans="1:24" ht="15" customHeight="1">
      <c r="A142" s="87"/>
      <c r="B142" s="128"/>
      <c r="C142" s="128"/>
      <c r="D142" s="128"/>
      <c r="E142" s="128"/>
      <c r="F142" s="128"/>
      <c r="G142" s="128"/>
      <c r="H142" s="128"/>
      <c r="I142" s="128"/>
      <c r="J142" s="128"/>
      <c r="K142" s="128"/>
      <c r="L142" s="128"/>
      <c r="M142" s="128"/>
      <c r="N142" s="128"/>
      <c r="O142" s="128"/>
      <c r="P142" s="128"/>
      <c r="Q142" s="128"/>
      <c r="R142" s="128"/>
      <c r="S142" s="128"/>
      <c r="T142" s="128"/>
      <c r="U142" s="128"/>
      <c r="V142" s="128"/>
      <c r="W142" s="128"/>
      <c r="X142" s="128"/>
    </row>
    <row r="143" spans="1:24" ht="15" customHeight="1">
      <c r="A143" s="87"/>
      <c r="B143" s="128"/>
      <c r="C143" s="128"/>
      <c r="D143" s="128"/>
      <c r="E143" s="128"/>
      <c r="F143" s="128"/>
      <c r="G143" s="128"/>
      <c r="H143" s="128"/>
      <c r="I143" s="128"/>
      <c r="J143" s="128"/>
      <c r="K143" s="128"/>
      <c r="L143" s="128"/>
      <c r="M143" s="128"/>
      <c r="N143" s="128"/>
      <c r="O143" s="128"/>
      <c r="P143" s="128"/>
      <c r="Q143" s="128"/>
      <c r="R143" s="128"/>
      <c r="S143" s="128"/>
      <c r="T143" s="128"/>
      <c r="U143" s="128"/>
      <c r="V143" s="128"/>
      <c r="W143" s="128"/>
      <c r="X143" s="128"/>
    </row>
    <row r="144" spans="1:24" ht="15" customHeight="1">
      <c r="A144" s="87"/>
      <c r="B144" s="128"/>
      <c r="C144" s="128"/>
      <c r="D144" s="128"/>
      <c r="E144" s="128"/>
      <c r="F144" s="128"/>
      <c r="G144" s="128"/>
      <c r="H144" s="128"/>
      <c r="I144" s="128"/>
      <c r="J144" s="128"/>
      <c r="K144" s="128"/>
      <c r="L144" s="128"/>
      <c r="M144" s="128"/>
      <c r="N144" s="128"/>
      <c r="O144" s="128"/>
      <c r="P144" s="128"/>
      <c r="Q144" s="128"/>
      <c r="R144" s="128"/>
      <c r="S144" s="128"/>
      <c r="T144" s="128"/>
      <c r="U144" s="128"/>
      <c r="V144" s="128"/>
      <c r="W144" s="128"/>
      <c r="X144" s="128"/>
    </row>
    <row r="145" spans="1:24" ht="15" customHeight="1">
      <c r="A145" s="87"/>
      <c r="B145" s="128"/>
      <c r="C145" s="128"/>
      <c r="D145" s="128"/>
      <c r="E145" s="128"/>
      <c r="F145" s="128"/>
      <c r="G145" s="128"/>
      <c r="H145" s="128"/>
      <c r="I145" s="128"/>
      <c r="J145" s="128"/>
      <c r="K145" s="128"/>
      <c r="L145" s="128"/>
      <c r="M145" s="128"/>
      <c r="N145" s="128"/>
      <c r="O145" s="128"/>
      <c r="P145" s="128"/>
      <c r="Q145" s="128"/>
      <c r="R145" s="128"/>
      <c r="S145" s="128"/>
      <c r="T145" s="128"/>
      <c r="U145" s="128"/>
      <c r="V145" s="128"/>
      <c r="W145" s="128"/>
      <c r="X145" s="128"/>
    </row>
    <row r="146" spans="1:24" ht="15" customHeight="1">
      <c r="A146" s="87"/>
      <c r="B146" s="128"/>
      <c r="C146" s="128"/>
      <c r="D146" s="128"/>
      <c r="E146" s="128"/>
      <c r="F146" s="128"/>
      <c r="G146" s="128"/>
      <c r="H146" s="128"/>
      <c r="I146" s="128"/>
      <c r="J146" s="128"/>
      <c r="K146" s="128"/>
      <c r="L146" s="128"/>
      <c r="M146" s="128"/>
      <c r="N146" s="128"/>
      <c r="O146" s="128"/>
      <c r="P146" s="128"/>
      <c r="Q146" s="128"/>
      <c r="R146" s="128"/>
      <c r="S146" s="128"/>
      <c r="T146" s="128"/>
      <c r="U146" s="128"/>
      <c r="V146" s="128"/>
      <c r="W146" s="128"/>
      <c r="X146" s="128"/>
    </row>
    <row r="147" spans="1:24" ht="15" customHeight="1">
      <c r="A147" s="87"/>
      <c r="B147" s="128"/>
      <c r="C147" s="128"/>
      <c r="D147" s="128"/>
      <c r="E147" s="128"/>
      <c r="F147" s="128"/>
      <c r="G147" s="128"/>
      <c r="H147" s="128"/>
      <c r="I147" s="128"/>
      <c r="J147" s="128"/>
      <c r="K147" s="128"/>
      <c r="L147" s="128"/>
      <c r="M147" s="128"/>
      <c r="N147" s="128"/>
      <c r="O147" s="128"/>
      <c r="P147" s="128"/>
      <c r="Q147" s="128"/>
      <c r="R147" s="128"/>
      <c r="S147" s="128"/>
      <c r="T147" s="128"/>
      <c r="U147" s="128"/>
      <c r="V147" s="128"/>
      <c r="W147" s="128"/>
      <c r="X147" s="128"/>
    </row>
    <row r="148" spans="1:24" ht="15" customHeight="1">
      <c r="A148" s="87"/>
      <c r="B148" s="128"/>
      <c r="C148" s="128"/>
      <c r="D148" s="128"/>
      <c r="E148" s="128"/>
      <c r="F148" s="128"/>
      <c r="G148" s="128"/>
      <c r="H148" s="128"/>
      <c r="I148" s="128"/>
      <c r="J148" s="128"/>
      <c r="K148" s="128"/>
      <c r="L148" s="128"/>
      <c r="M148" s="128"/>
      <c r="N148" s="128"/>
      <c r="O148" s="128"/>
      <c r="P148" s="128"/>
      <c r="Q148" s="128"/>
      <c r="R148" s="128"/>
      <c r="S148" s="128"/>
      <c r="T148" s="128"/>
      <c r="U148" s="128"/>
      <c r="V148" s="128"/>
      <c r="W148" s="128"/>
      <c r="X148" s="128"/>
    </row>
    <row r="149" spans="1:24" ht="15" customHeight="1">
      <c r="A149" s="87"/>
      <c r="B149" s="128"/>
      <c r="C149" s="128"/>
      <c r="D149" s="128"/>
      <c r="E149" s="128"/>
      <c r="F149" s="128"/>
      <c r="G149" s="128"/>
      <c r="H149" s="128"/>
      <c r="I149" s="128"/>
      <c r="J149" s="128"/>
      <c r="K149" s="128"/>
      <c r="L149" s="128"/>
      <c r="M149" s="128"/>
      <c r="N149" s="128"/>
      <c r="O149" s="128"/>
      <c r="P149" s="128"/>
      <c r="Q149" s="128"/>
      <c r="R149" s="128"/>
      <c r="S149" s="128"/>
      <c r="T149" s="128"/>
      <c r="U149" s="128"/>
      <c r="V149" s="128"/>
      <c r="W149" s="128"/>
      <c r="X149" s="128"/>
    </row>
    <row r="150" spans="1:24" ht="15" customHeight="1">
      <c r="A150" s="87"/>
      <c r="B150" s="128"/>
      <c r="C150" s="128"/>
      <c r="D150" s="128"/>
      <c r="E150" s="128"/>
      <c r="F150" s="128"/>
      <c r="G150" s="128"/>
      <c r="H150" s="128"/>
      <c r="I150" s="128"/>
      <c r="J150" s="128"/>
      <c r="K150" s="128"/>
      <c r="L150" s="128"/>
      <c r="M150" s="128"/>
      <c r="N150" s="128"/>
      <c r="O150" s="128"/>
      <c r="P150" s="128"/>
      <c r="Q150" s="128"/>
      <c r="R150" s="128"/>
      <c r="S150" s="128"/>
      <c r="T150" s="128"/>
      <c r="U150" s="128"/>
      <c r="V150" s="128"/>
      <c r="W150" s="128"/>
      <c r="X150" s="128"/>
    </row>
    <row r="151" spans="1:24" ht="15" customHeight="1">
      <c r="A151" s="87"/>
      <c r="B151" s="128"/>
      <c r="C151" s="128"/>
      <c r="D151" s="128"/>
      <c r="E151" s="128"/>
      <c r="F151" s="128"/>
      <c r="G151" s="128"/>
      <c r="H151" s="128"/>
      <c r="I151" s="128"/>
      <c r="J151" s="128"/>
      <c r="K151" s="128"/>
      <c r="L151" s="128"/>
      <c r="M151" s="128"/>
      <c r="N151" s="128"/>
      <c r="O151" s="128"/>
      <c r="P151" s="128"/>
      <c r="Q151" s="128"/>
      <c r="R151" s="128"/>
      <c r="S151" s="128"/>
      <c r="T151" s="128"/>
      <c r="U151" s="128"/>
      <c r="V151" s="128"/>
      <c r="W151" s="128"/>
      <c r="X151" s="128"/>
    </row>
    <row r="152" spans="1:24" ht="15" customHeight="1">
      <c r="A152" s="87"/>
      <c r="B152" s="128"/>
      <c r="C152" s="128"/>
      <c r="D152" s="128"/>
      <c r="E152" s="128"/>
      <c r="F152" s="128"/>
      <c r="G152" s="128"/>
      <c r="H152" s="128"/>
      <c r="I152" s="128"/>
      <c r="J152" s="128"/>
      <c r="K152" s="128"/>
      <c r="L152" s="128"/>
      <c r="M152" s="128"/>
      <c r="N152" s="128"/>
      <c r="O152" s="128"/>
      <c r="P152" s="128"/>
      <c r="Q152" s="128"/>
      <c r="R152" s="128"/>
      <c r="S152" s="128"/>
      <c r="T152" s="128"/>
      <c r="U152" s="128"/>
      <c r="V152" s="128"/>
      <c r="W152" s="128"/>
      <c r="X152" s="128"/>
    </row>
    <row r="153" spans="1:24" ht="15" customHeight="1">
      <c r="A153" s="87"/>
      <c r="B153" s="128"/>
      <c r="C153" s="128"/>
      <c r="D153" s="128"/>
      <c r="E153" s="128"/>
      <c r="F153" s="128"/>
      <c r="G153" s="128"/>
      <c r="H153" s="128"/>
      <c r="I153" s="128"/>
      <c r="J153" s="128"/>
      <c r="K153" s="128"/>
      <c r="L153" s="128"/>
      <c r="M153" s="128"/>
      <c r="N153" s="128"/>
      <c r="O153" s="128"/>
      <c r="P153" s="128"/>
      <c r="Q153" s="128"/>
      <c r="R153" s="128"/>
      <c r="S153" s="128"/>
      <c r="T153" s="128"/>
      <c r="U153" s="128"/>
      <c r="V153" s="128"/>
      <c r="W153" s="128"/>
      <c r="X153" s="128"/>
    </row>
    <row r="154" spans="1:24" ht="15" customHeight="1">
      <c r="A154" s="87"/>
      <c r="B154" s="128"/>
      <c r="C154" s="128"/>
      <c r="D154" s="128"/>
      <c r="E154" s="128"/>
      <c r="F154" s="128"/>
      <c r="G154" s="128"/>
      <c r="H154" s="128"/>
      <c r="I154" s="128"/>
      <c r="J154" s="128"/>
      <c r="K154" s="128"/>
      <c r="L154" s="128"/>
      <c r="M154" s="128"/>
      <c r="N154" s="128"/>
      <c r="O154" s="128"/>
      <c r="P154" s="128"/>
      <c r="Q154" s="128"/>
      <c r="R154" s="128"/>
      <c r="S154" s="128"/>
      <c r="T154" s="128"/>
      <c r="U154" s="128"/>
      <c r="V154" s="128"/>
      <c r="W154" s="128"/>
      <c r="X154" s="128"/>
    </row>
    <row r="155" spans="1:24" ht="15" customHeight="1">
      <c r="A155" s="87"/>
      <c r="B155" s="128"/>
      <c r="C155" s="128"/>
      <c r="D155" s="128"/>
      <c r="E155" s="128"/>
      <c r="F155" s="128"/>
      <c r="G155" s="128"/>
      <c r="H155" s="128"/>
      <c r="I155" s="128"/>
      <c r="J155" s="128"/>
      <c r="K155" s="128"/>
      <c r="L155" s="128"/>
      <c r="M155" s="128"/>
      <c r="N155" s="128"/>
      <c r="O155" s="128"/>
      <c r="P155" s="128"/>
      <c r="Q155" s="128"/>
      <c r="R155" s="128"/>
      <c r="S155" s="128"/>
      <c r="T155" s="128"/>
      <c r="U155" s="128"/>
      <c r="V155" s="128"/>
      <c r="W155" s="128"/>
      <c r="X155" s="128"/>
    </row>
    <row r="156" spans="1:24" ht="15" customHeight="1">
      <c r="A156" s="87"/>
      <c r="B156" s="128"/>
      <c r="C156" s="128"/>
      <c r="D156" s="128"/>
      <c r="E156" s="128"/>
      <c r="F156" s="128"/>
      <c r="G156" s="128"/>
      <c r="H156" s="128"/>
      <c r="I156" s="128"/>
      <c r="J156" s="128"/>
      <c r="K156" s="128"/>
      <c r="L156" s="128"/>
      <c r="M156" s="128"/>
      <c r="N156" s="128"/>
      <c r="O156" s="128"/>
      <c r="P156" s="128"/>
      <c r="Q156" s="128"/>
      <c r="R156" s="128"/>
      <c r="S156" s="128"/>
      <c r="T156" s="128"/>
      <c r="U156" s="128"/>
      <c r="V156" s="128"/>
      <c r="W156" s="128"/>
      <c r="X156" s="128"/>
    </row>
    <row r="157" spans="1:24" ht="15" customHeight="1">
      <c r="A157" s="87"/>
      <c r="B157" s="128"/>
      <c r="C157" s="128"/>
      <c r="D157" s="128"/>
      <c r="E157" s="128"/>
      <c r="F157" s="128"/>
      <c r="G157" s="128"/>
      <c r="H157" s="128"/>
      <c r="I157" s="128"/>
      <c r="J157" s="128"/>
      <c r="K157" s="128"/>
      <c r="L157" s="128"/>
      <c r="M157" s="128"/>
      <c r="N157" s="128"/>
      <c r="O157" s="128"/>
      <c r="P157" s="128"/>
      <c r="Q157" s="128"/>
      <c r="R157" s="128"/>
      <c r="S157" s="128"/>
      <c r="T157" s="128"/>
      <c r="U157" s="128"/>
      <c r="V157" s="128"/>
      <c r="W157" s="128"/>
      <c r="X157" s="128"/>
    </row>
    <row r="158" spans="1:24" ht="15" customHeight="1">
      <c r="A158" s="87"/>
      <c r="B158" s="128"/>
      <c r="C158" s="128"/>
      <c r="D158" s="128"/>
      <c r="E158" s="128"/>
      <c r="F158" s="128"/>
      <c r="G158" s="128"/>
      <c r="H158" s="128"/>
      <c r="I158" s="128"/>
      <c r="J158" s="128"/>
      <c r="K158" s="128"/>
      <c r="L158" s="128"/>
      <c r="M158" s="128"/>
      <c r="N158" s="128"/>
      <c r="O158" s="128"/>
      <c r="P158" s="128"/>
      <c r="Q158" s="128"/>
      <c r="R158" s="128"/>
      <c r="S158" s="128"/>
      <c r="T158" s="128"/>
      <c r="U158" s="128"/>
      <c r="V158" s="128"/>
      <c r="W158" s="128"/>
      <c r="X158" s="128"/>
    </row>
    <row r="159" spans="1:24" ht="15" customHeight="1">
      <c r="A159" s="87"/>
      <c r="B159" s="128"/>
      <c r="C159" s="128"/>
      <c r="D159" s="128"/>
      <c r="E159" s="128"/>
      <c r="F159" s="128"/>
      <c r="G159" s="128"/>
      <c r="H159" s="128"/>
      <c r="I159" s="128"/>
      <c r="J159" s="128"/>
      <c r="K159" s="128"/>
      <c r="L159" s="128"/>
      <c r="M159" s="128"/>
      <c r="N159" s="128"/>
      <c r="O159" s="128"/>
      <c r="P159" s="128"/>
      <c r="Q159" s="128"/>
      <c r="R159" s="128"/>
      <c r="S159" s="128"/>
      <c r="T159" s="128"/>
      <c r="U159" s="128"/>
      <c r="V159" s="128"/>
      <c r="W159" s="128"/>
      <c r="X159" s="128"/>
    </row>
    <row r="160" spans="1:24" ht="15" customHeight="1">
      <c r="A160" s="87"/>
      <c r="B160" s="128"/>
      <c r="C160" s="128"/>
      <c r="D160" s="128"/>
      <c r="E160" s="128"/>
      <c r="F160" s="128"/>
      <c r="G160" s="128"/>
      <c r="H160" s="128"/>
      <c r="I160" s="128"/>
      <c r="J160" s="128"/>
      <c r="K160" s="128"/>
      <c r="L160" s="128"/>
      <c r="M160" s="128"/>
      <c r="N160" s="128"/>
      <c r="O160" s="128"/>
      <c r="P160" s="128"/>
      <c r="Q160" s="128"/>
      <c r="R160" s="128"/>
      <c r="S160" s="128"/>
      <c r="T160" s="128"/>
      <c r="U160" s="128"/>
      <c r="V160" s="128"/>
      <c r="W160" s="128"/>
      <c r="X160" s="128"/>
    </row>
    <row r="161" spans="1:24" ht="15" customHeight="1">
      <c r="A161" s="87"/>
      <c r="B161" s="128"/>
      <c r="C161" s="128"/>
      <c r="D161" s="128"/>
      <c r="E161" s="128"/>
      <c r="F161" s="128"/>
      <c r="G161" s="128"/>
      <c r="H161" s="128"/>
      <c r="I161" s="128"/>
      <c r="J161" s="128"/>
      <c r="K161" s="128"/>
      <c r="L161" s="128"/>
      <c r="M161" s="128"/>
      <c r="N161" s="128"/>
      <c r="O161" s="128"/>
      <c r="P161" s="128"/>
      <c r="Q161" s="128"/>
      <c r="R161" s="128"/>
      <c r="S161" s="128"/>
      <c r="T161" s="128"/>
      <c r="U161" s="128"/>
      <c r="V161" s="128"/>
      <c r="W161" s="128"/>
      <c r="X161" s="128"/>
    </row>
    <row r="162" spans="1:24" ht="15" customHeight="1">
      <c r="A162" s="87"/>
      <c r="B162" s="128"/>
      <c r="C162" s="128"/>
      <c r="D162" s="128"/>
      <c r="E162" s="128"/>
      <c r="F162" s="128"/>
      <c r="G162" s="128"/>
      <c r="H162" s="128"/>
      <c r="I162" s="128"/>
      <c r="J162" s="128"/>
      <c r="K162" s="128"/>
      <c r="L162" s="128"/>
      <c r="M162" s="128"/>
      <c r="N162" s="128"/>
      <c r="O162" s="128"/>
      <c r="P162" s="128"/>
      <c r="Q162" s="128"/>
      <c r="R162" s="128"/>
      <c r="S162" s="128"/>
      <c r="T162" s="128"/>
      <c r="U162" s="128"/>
      <c r="V162" s="128"/>
      <c r="W162" s="128"/>
      <c r="X162" s="128"/>
    </row>
    <row r="163" spans="1:24" ht="15" customHeight="1">
      <c r="A163" s="87"/>
      <c r="B163" s="128"/>
      <c r="C163" s="128"/>
      <c r="D163" s="128"/>
      <c r="E163" s="128"/>
      <c r="F163" s="128"/>
      <c r="G163" s="128"/>
      <c r="H163" s="128"/>
      <c r="I163" s="128"/>
      <c r="J163" s="128"/>
      <c r="K163" s="128"/>
      <c r="L163" s="128"/>
      <c r="M163" s="128"/>
      <c r="N163" s="128"/>
      <c r="O163" s="128"/>
      <c r="P163" s="128"/>
      <c r="Q163" s="128"/>
      <c r="R163" s="128"/>
      <c r="S163" s="128"/>
      <c r="T163" s="128"/>
      <c r="U163" s="128"/>
      <c r="V163" s="128"/>
      <c r="W163" s="128"/>
      <c r="X163" s="128"/>
    </row>
    <row r="164" spans="1:24" ht="15" customHeight="1">
      <c r="A164" s="87"/>
      <c r="B164" s="128"/>
      <c r="C164" s="128"/>
      <c r="D164" s="128"/>
      <c r="E164" s="128"/>
      <c r="F164" s="128"/>
      <c r="G164" s="128"/>
      <c r="H164" s="128"/>
      <c r="I164" s="128"/>
      <c r="J164" s="128"/>
      <c r="K164" s="128"/>
      <c r="L164" s="128"/>
      <c r="M164" s="128"/>
      <c r="N164" s="128"/>
      <c r="O164" s="128"/>
      <c r="P164" s="128"/>
      <c r="Q164" s="128"/>
      <c r="R164" s="128"/>
      <c r="S164" s="128"/>
      <c r="T164" s="128"/>
      <c r="U164" s="128"/>
      <c r="V164" s="128"/>
      <c r="W164" s="128"/>
      <c r="X164" s="128"/>
    </row>
    <row r="165" spans="1:24" ht="15" customHeight="1">
      <c r="A165" s="87"/>
      <c r="B165" s="128"/>
      <c r="C165" s="128"/>
      <c r="D165" s="128"/>
      <c r="E165" s="128"/>
      <c r="F165" s="128"/>
      <c r="G165" s="128"/>
      <c r="H165" s="128"/>
      <c r="I165" s="128"/>
      <c r="J165" s="128"/>
      <c r="K165" s="128"/>
      <c r="L165" s="128"/>
      <c r="M165" s="128"/>
      <c r="N165" s="128"/>
      <c r="O165" s="128"/>
      <c r="P165" s="128"/>
      <c r="Q165" s="128"/>
      <c r="R165" s="128"/>
      <c r="S165" s="128"/>
      <c r="T165" s="128"/>
      <c r="U165" s="128"/>
      <c r="V165" s="128"/>
      <c r="W165" s="128"/>
      <c r="X165" s="128"/>
    </row>
    <row r="166" spans="1:24" ht="15" customHeight="1">
      <c r="A166" s="87"/>
      <c r="B166" s="128"/>
      <c r="C166" s="128"/>
      <c r="D166" s="128"/>
      <c r="E166" s="128"/>
      <c r="F166" s="128"/>
      <c r="G166" s="128"/>
      <c r="H166" s="128"/>
      <c r="I166" s="128"/>
      <c r="J166" s="128"/>
      <c r="K166" s="128"/>
      <c r="L166" s="128"/>
      <c r="M166" s="128"/>
      <c r="N166" s="128"/>
      <c r="O166" s="128"/>
      <c r="P166" s="128"/>
      <c r="Q166" s="128"/>
      <c r="R166" s="128"/>
      <c r="S166" s="128"/>
      <c r="T166" s="128"/>
      <c r="U166" s="128"/>
      <c r="V166" s="128"/>
      <c r="W166" s="128"/>
      <c r="X166" s="128"/>
    </row>
    <row r="167" spans="1:24" ht="15" customHeight="1">
      <c r="A167" s="87"/>
      <c r="B167" s="128"/>
      <c r="C167" s="128"/>
      <c r="D167" s="128"/>
      <c r="E167" s="128"/>
      <c r="F167" s="128"/>
      <c r="G167" s="128"/>
      <c r="H167" s="128"/>
      <c r="I167" s="128"/>
      <c r="J167" s="128"/>
      <c r="K167" s="128"/>
      <c r="L167" s="128"/>
      <c r="M167" s="128"/>
      <c r="N167" s="128"/>
      <c r="O167" s="128"/>
      <c r="P167" s="128"/>
      <c r="Q167" s="128"/>
      <c r="R167" s="128"/>
      <c r="S167" s="128"/>
      <c r="T167" s="128"/>
      <c r="U167" s="128"/>
      <c r="V167" s="128"/>
      <c r="W167" s="128"/>
      <c r="X167" s="128"/>
    </row>
    <row r="168" spans="1:24" ht="15" customHeight="1">
      <c r="A168" s="87"/>
      <c r="B168" s="128"/>
      <c r="C168" s="128"/>
      <c r="D168" s="128"/>
      <c r="E168" s="128"/>
      <c r="F168" s="128"/>
      <c r="G168" s="128"/>
      <c r="H168" s="128"/>
      <c r="I168" s="128"/>
      <c r="J168" s="128"/>
      <c r="K168" s="128"/>
      <c r="L168" s="128"/>
      <c r="M168" s="128"/>
      <c r="N168" s="128"/>
      <c r="O168" s="128"/>
      <c r="P168" s="128"/>
      <c r="Q168" s="128"/>
      <c r="R168" s="128"/>
      <c r="S168" s="128"/>
      <c r="T168" s="128"/>
      <c r="U168" s="128"/>
      <c r="V168" s="128"/>
      <c r="W168" s="128"/>
      <c r="X168" s="128"/>
    </row>
    <row r="169" spans="1:24" ht="15" customHeight="1">
      <c r="A169" s="87"/>
      <c r="B169" s="128"/>
      <c r="C169" s="128"/>
      <c r="D169" s="128"/>
      <c r="E169" s="128"/>
      <c r="F169" s="128"/>
      <c r="G169" s="128"/>
      <c r="H169" s="128"/>
      <c r="I169" s="128"/>
      <c r="J169" s="128"/>
      <c r="K169" s="128"/>
      <c r="L169" s="128"/>
      <c r="M169" s="128"/>
      <c r="N169" s="128"/>
      <c r="O169" s="128"/>
      <c r="P169" s="128"/>
      <c r="Q169" s="128"/>
      <c r="R169" s="128"/>
      <c r="S169" s="128"/>
      <c r="T169" s="128"/>
      <c r="U169" s="128"/>
      <c r="V169" s="128"/>
      <c r="W169" s="128"/>
      <c r="X169" s="128"/>
    </row>
    <row r="170" spans="1:24" ht="15" customHeight="1">
      <c r="A170" s="87"/>
      <c r="B170" s="128"/>
      <c r="C170" s="128"/>
      <c r="D170" s="128"/>
      <c r="E170" s="128"/>
      <c r="F170" s="128"/>
      <c r="G170" s="128"/>
      <c r="H170" s="128"/>
      <c r="I170" s="128"/>
      <c r="J170" s="128"/>
      <c r="K170" s="128"/>
      <c r="L170" s="128"/>
      <c r="M170" s="128"/>
      <c r="N170" s="128"/>
      <c r="O170" s="128"/>
      <c r="P170" s="128"/>
      <c r="Q170" s="128"/>
      <c r="R170" s="128"/>
      <c r="S170" s="128"/>
      <c r="T170" s="128"/>
      <c r="U170" s="128"/>
      <c r="V170" s="128"/>
      <c r="W170" s="128"/>
      <c r="X170" s="128"/>
    </row>
    <row r="171" spans="1:24" ht="15" customHeight="1">
      <c r="A171" s="87"/>
      <c r="B171" s="128"/>
      <c r="C171" s="128"/>
      <c r="D171" s="128"/>
      <c r="E171" s="128"/>
      <c r="F171" s="128"/>
      <c r="G171" s="128"/>
      <c r="H171" s="128"/>
      <c r="I171" s="128"/>
      <c r="J171" s="128"/>
      <c r="K171" s="128"/>
      <c r="L171" s="128"/>
      <c r="M171" s="128"/>
      <c r="N171" s="128"/>
      <c r="O171" s="128"/>
      <c r="P171" s="128"/>
      <c r="Q171" s="128"/>
      <c r="R171" s="128"/>
      <c r="S171" s="128"/>
      <c r="T171" s="128"/>
      <c r="U171" s="128"/>
      <c r="V171" s="128"/>
      <c r="W171" s="128"/>
      <c r="X171" s="128"/>
    </row>
    <row r="172" spans="1:24" ht="15" customHeight="1">
      <c r="A172" s="87"/>
      <c r="B172" s="128"/>
      <c r="C172" s="128"/>
      <c r="D172" s="128"/>
      <c r="E172" s="128"/>
      <c r="F172" s="128"/>
      <c r="G172" s="128"/>
      <c r="H172" s="128"/>
      <c r="I172" s="128"/>
      <c r="J172" s="128"/>
      <c r="K172" s="128"/>
      <c r="L172" s="128"/>
      <c r="M172" s="128"/>
      <c r="N172" s="128"/>
      <c r="O172" s="128"/>
      <c r="P172" s="128"/>
      <c r="Q172" s="128"/>
      <c r="R172" s="128"/>
      <c r="S172" s="128"/>
      <c r="T172" s="128"/>
      <c r="U172" s="128"/>
      <c r="V172" s="128"/>
      <c r="W172" s="128"/>
      <c r="X172" s="128"/>
    </row>
    <row r="173" spans="1:24" ht="15" customHeight="1">
      <c r="A173" s="87"/>
      <c r="B173" s="128"/>
      <c r="C173" s="128"/>
      <c r="D173" s="128"/>
      <c r="E173" s="128"/>
      <c r="F173" s="128"/>
      <c r="G173" s="128"/>
      <c r="H173" s="128"/>
      <c r="I173" s="128"/>
      <c r="J173" s="128"/>
      <c r="K173" s="128"/>
      <c r="L173" s="128"/>
      <c r="M173" s="128"/>
      <c r="N173" s="128"/>
      <c r="O173" s="128"/>
      <c r="P173" s="128"/>
      <c r="Q173" s="128"/>
      <c r="R173" s="128"/>
      <c r="S173" s="128"/>
      <c r="T173" s="128"/>
      <c r="U173" s="128"/>
      <c r="V173" s="128"/>
      <c r="W173" s="128"/>
      <c r="X173" s="128"/>
    </row>
    <row r="174" spans="1:24" ht="15" customHeight="1">
      <c r="A174" s="87"/>
      <c r="B174" s="128"/>
      <c r="C174" s="128"/>
      <c r="D174" s="128"/>
      <c r="E174" s="128"/>
      <c r="F174" s="128"/>
      <c r="G174" s="128"/>
      <c r="H174" s="128"/>
      <c r="I174" s="128"/>
      <c r="J174" s="128"/>
      <c r="K174" s="128"/>
      <c r="L174" s="128"/>
      <c r="M174" s="128"/>
      <c r="N174" s="128"/>
      <c r="O174" s="128"/>
      <c r="P174" s="128"/>
      <c r="Q174" s="128"/>
      <c r="R174" s="128"/>
      <c r="S174" s="128"/>
      <c r="T174" s="128"/>
      <c r="U174" s="128"/>
      <c r="V174" s="128"/>
      <c r="W174" s="128"/>
      <c r="X174" s="128"/>
    </row>
    <row r="175" spans="1:24" ht="15" customHeight="1">
      <c r="A175" s="87"/>
      <c r="B175" s="128"/>
      <c r="C175" s="128"/>
      <c r="D175" s="128"/>
      <c r="E175" s="128"/>
      <c r="F175" s="128"/>
      <c r="G175" s="128"/>
      <c r="H175" s="128"/>
      <c r="I175" s="128"/>
      <c r="J175" s="128"/>
      <c r="K175" s="128"/>
      <c r="L175" s="128"/>
      <c r="M175" s="128"/>
      <c r="N175" s="128"/>
      <c r="O175" s="128"/>
      <c r="P175" s="128"/>
      <c r="Q175" s="128"/>
      <c r="R175" s="128"/>
      <c r="S175" s="128"/>
      <c r="T175" s="128"/>
      <c r="U175" s="128"/>
      <c r="V175" s="128"/>
      <c r="W175" s="128"/>
      <c r="X175" s="128"/>
    </row>
    <row r="176" spans="1:24" ht="15" customHeight="1">
      <c r="A176" s="87"/>
      <c r="B176" s="128"/>
      <c r="C176" s="128"/>
      <c r="D176" s="128"/>
      <c r="E176" s="128"/>
      <c r="F176" s="128"/>
      <c r="G176" s="128"/>
      <c r="H176" s="128"/>
      <c r="I176" s="128"/>
      <c r="J176" s="128"/>
      <c r="K176" s="128"/>
      <c r="L176" s="128"/>
      <c r="M176" s="128"/>
      <c r="N176" s="128"/>
      <c r="O176" s="128"/>
      <c r="P176" s="128"/>
      <c r="Q176" s="128"/>
      <c r="R176" s="128"/>
      <c r="S176" s="128"/>
      <c r="T176" s="128"/>
      <c r="U176" s="128"/>
      <c r="V176" s="128"/>
      <c r="W176" s="128"/>
      <c r="X176" s="128"/>
    </row>
    <row r="177" spans="1:24" ht="15" customHeight="1">
      <c r="A177" s="87"/>
      <c r="B177" s="128"/>
      <c r="C177" s="128"/>
      <c r="D177" s="128"/>
      <c r="E177" s="128"/>
      <c r="F177" s="128"/>
      <c r="G177" s="128"/>
      <c r="H177" s="128"/>
      <c r="I177" s="128"/>
      <c r="J177" s="128"/>
      <c r="K177" s="128"/>
      <c r="L177" s="128"/>
      <c r="M177" s="128"/>
      <c r="N177" s="128"/>
      <c r="O177" s="128"/>
      <c r="P177" s="128"/>
      <c r="Q177" s="128"/>
      <c r="R177" s="128"/>
      <c r="S177" s="128"/>
      <c r="T177" s="128"/>
      <c r="U177" s="128"/>
      <c r="V177" s="128"/>
      <c r="W177" s="128"/>
      <c r="X177" s="128"/>
    </row>
    <row r="178" spans="1:24" ht="15" customHeight="1">
      <c r="A178" s="87"/>
      <c r="B178" s="128"/>
      <c r="C178" s="128"/>
      <c r="D178" s="128"/>
      <c r="E178" s="128"/>
      <c r="F178" s="128"/>
      <c r="G178" s="128"/>
      <c r="H178" s="128"/>
      <c r="I178" s="128"/>
      <c r="J178" s="128"/>
      <c r="K178" s="128"/>
      <c r="L178" s="128"/>
      <c r="M178" s="128"/>
      <c r="N178" s="128"/>
      <c r="O178" s="128"/>
      <c r="P178" s="128"/>
      <c r="Q178" s="128"/>
      <c r="R178" s="128"/>
      <c r="S178" s="128"/>
      <c r="T178" s="128"/>
      <c r="U178" s="128"/>
      <c r="V178" s="128"/>
      <c r="W178" s="128"/>
      <c r="X178" s="128"/>
    </row>
    <row r="179" spans="1:24" ht="15" customHeight="1">
      <c r="A179" s="87"/>
      <c r="B179" s="128"/>
      <c r="C179" s="128"/>
      <c r="D179" s="128"/>
      <c r="E179" s="128"/>
      <c r="F179" s="128"/>
      <c r="G179" s="128"/>
      <c r="H179" s="128"/>
      <c r="I179" s="128"/>
      <c r="J179" s="128"/>
      <c r="K179" s="128"/>
      <c r="L179" s="128"/>
      <c r="M179" s="128"/>
      <c r="N179" s="128"/>
      <c r="O179" s="128"/>
      <c r="P179" s="128"/>
      <c r="Q179" s="128"/>
      <c r="R179" s="128"/>
      <c r="S179" s="128"/>
      <c r="T179" s="128"/>
      <c r="U179" s="128"/>
      <c r="V179" s="128"/>
      <c r="W179" s="128"/>
      <c r="X179" s="128"/>
    </row>
    <row r="180" spans="1:24" ht="15" customHeight="1">
      <c r="A180" s="87"/>
      <c r="B180" s="128"/>
      <c r="C180" s="128"/>
      <c r="D180" s="128"/>
      <c r="E180" s="128"/>
      <c r="F180" s="128"/>
      <c r="G180" s="128"/>
      <c r="H180" s="128"/>
      <c r="I180" s="128"/>
      <c r="J180" s="128"/>
      <c r="K180" s="128"/>
      <c r="L180" s="128"/>
      <c r="M180" s="128"/>
      <c r="N180" s="128"/>
      <c r="O180" s="128"/>
      <c r="P180" s="128"/>
      <c r="Q180" s="128"/>
      <c r="R180" s="128"/>
      <c r="S180" s="128"/>
      <c r="T180" s="128"/>
      <c r="U180" s="128"/>
      <c r="V180" s="128"/>
      <c r="W180" s="128"/>
      <c r="X180" s="128"/>
    </row>
    <row r="181" spans="1:24" ht="15" customHeight="1">
      <c r="A181" s="87"/>
      <c r="B181" s="128"/>
      <c r="C181" s="128"/>
      <c r="D181" s="128"/>
      <c r="E181" s="128"/>
      <c r="F181" s="128"/>
      <c r="G181" s="128"/>
      <c r="H181" s="128"/>
      <c r="I181" s="128"/>
      <c r="J181" s="128"/>
      <c r="K181" s="128"/>
      <c r="L181" s="128"/>
      <c r="M181" s="128"/>
      <c r="N181" s="128"/>
      <c r="O181" s="128"/>
      <c r="P181" s="128"/>
      <c r="Q181" s="128"/>
      <c r="R181" s="128"/>
      <c r="S181" s="128"/>
      <c r="T181" s="128"/>
      <c r="U181" s="128"/>
      <c r="V181" s="128"/>
      <c r="W181" s="128"/>
      <c r="X181" s="128"/>
    </row>
    <row r="182" spans="1:24" ht="15" customHeight="1">
      <c r="A182" s="87"/>
      <c r="B182" s="128"/>
      <c r="C182" s="128"/>
      <c r="D182" s="128"/>
      <c r="E182" s="128"/>
      <c r="F182" s="128"/>
      <c r="G182" s="128"/>
      <c r="H182" s="128"/>
      <c r="I182" s="128"/>
      <c r="J182" s="128"/>
      <c r="K182" s="128"/>
      <c r="L182" s="128"/>
      <c r="M182" s="128"/>
      <c r="N182" s="128"/>
      <c r="O182" s="128"/>
      <c r="P182" s="128"/>
      <c r="Q182" s="128"/>
      <c r="R182" s="128"/>
      <c r="S182" s="128"/>
      <c r="T182" s="128"/>
      <c r="U182" s="128"/>
      <c r="V182" s="128"/>
      <c r="W182" s="128"/>
      <c r="X182" s="128"/>
    </row>
    <row r="183" spans="1:24" ht="15" customHeight="1">
      <c r="A183" s="87"/>
      <c r="B183" s="128"/>
      <c r="C183" s="128"/>
      <c r="D183" s="128"/>
      <c r="E183" s="128"/>
      <c r="F183" s="128"/>
      <c r="G183" s="128"/>
      <c r="H183" s="128"/>
      <c r="I183" s="128"/>
      <c r="J183" s="128"/>
      <c r="K183" s="128"/>
      <c r="L183" s="128"/>
      <c r="M183" s="128"/>
      <c r="N183" s="128"/>
      <c r="O183" s="128"/>
      <c r="P183" s="128"/>
      <c r="Q183" s="128"/>
      <c r="R183" s="128"/>
      <c r="S183" s="128"/>
      <c r="T183" s="128"/>
      <c r="U183" s="128"/>
      <c r="V183" s="128"/>
      <c r="W183" s="128"/>
      <c r="X183" s="128"/>
    </row>
    <row r="184" spans="1:24" ht="15" customHeight="1">
      <c r="A184" s="87"/>
      <c r="B184" s="128"/>
      <c r="C184" s="128"/>
      <c r="D184" s="128"/>
      <c r="E184" s="128"/>
      <c r="F184" s="128"/>
      <c r="G184" s="128"/>
      <c r="H184" s="128"/>
      <c r="I184" s="128"/>
      <c r="J184" s="128"/>
      <c r="K184" s="128"/>
      <c r="L184" s="128"/>
      <c r="M184" s="128"/>
      <c r="N184" s="128"/>
      <c r="O184" s="128"/>
      <c r="P184" s="128"/>
      <c r="Q184" s="128"/>
      <c r="R184" s="128"/>
      <c r="S184" s="128"/>
      <c r="T184" s="128"/>
      <c r="U184" s="128"/>
      <c r="V184" s="128"/>
      <c r="W184" s="128"/>
      <c r="X184" s="128"/>
    </row>
    <row r="185" spans="1:24" ht="15" customHeight="1">
      <c r="A185" s="87"/>
      <c r="B185" s="128"/>
      <c r="C185" s="128"/>
      <c r="D185" s="128"/>
      <c r="E185" s="128"/>
      <c r="F185" s="128"/>
      <c r="G185" s="128"/>
      <c r="H185" s="128"/>
      <c r="I185" s="128"/>
      <c r="J185" s="128"/>
      <c r="K185" s="128"/>
      <c r="L185" s="128"/>
      <c r="M185" s="128"/>
      <c r="N185" s="128"/>
      <c r="O185" s="128"/>
      <c r="P185" s="128"/>
      <c r="Q185" s="128"/>
      <c r="R185" s="128"/>
      <c r="S185" s="128"/>
      <c r="T185" s="128"/>
      <c r="U185" s="128"/>
      <c r="V185" s="128"/>
      <c r="W185" s="128"/>
      <c r="X185" s="128"/>
    </row>
    <row r="186" spans="1:24" ht="15" customHeight="1">
      <c r="A186" s="87"/>
      <c r="B186" s="128"/>
      <c r="C186" s="128"/>
      <c r="D186" s="128"/>
      <c r="E186" s="128"/>
      <c r="F186" s="128"/>
      <c r="G186" s="128"/>
      <c r="H186" s="128"/>
      <c r="I186" s="128"/>
      <c r="J186" s="128"/>
      <c r="K186" s="128"/>
      <c r="L186" s="128"/>
      <c r="M186" s="128"/>
      <c r="N186" s="128"/>
      <c r="O186" s="128"/>
      <c r="P186" s="128"/>
      <c r="Q186" s="128"/>
      <c r="R186" s="128"/>
      <c r="S186" s="128"/>
      <c r="T186" s="128"/>
      <c r="U186" s="128"/>
      <c r="V186" s="128"/>
      <c r="W186" s="128"/>
      <c r="X186" s="128"/>
    </row>
    <row r="187" spans="1:24" ht="15" customHeight="1">
      <c r="A187" s="87"/>
      <c r="B187" s="128"/>
      <c r="C187" s="128"/>
      <c r="D187" s="128"/>
      <c r="E187" s="128"/>
      <c r="F187" s="128"/>
      <c r="G187" s="128"/>
      <c r="H187" s="128"/>
      <c r="I187" s="128"/>
      <c r="J187" s="128"/>
      <c r="K187" s="128"/>
      <c r="L187" s="128"/>
      <c r="M187" s="128"/>
      <c r="N187" s="128"/>
      <c r="O187" s="128"/>
      <c r="P187" s="128"/>
      <c r="Q187" s="128"/>
      <c r="R187" s="128"/>
      <c r="S187" s="128"/>
      <c r="T187" s="128"/>
      <c r="U187" s="128"/>
      <c r="V187" s="128"/>
      <c r="W187" s="128"/>
      <c r="X187" s="128"/>
    </row>
    <row r="188" spans="1:24" ht="15" customHeight="1">
      <c r="A188" s="87"/>
      <c r="B188" s="128"/>
      <c r="C188" s="128"/>
      <c r="D188" s="128"/>
      <c r="E188" s="128"/>
      <c r="F188" s="128"/>
      <c r="G188" s="128"/>
      <c r="H188" s="128"/>
      <c r="I188" s="128"/>
      <c r="J188" s="128"/>
      <c r="K188" s="128"/>
      <c r="L188" s="128"/>
      <c r="M188" s="128"/>
      <c r="N188" s="128"/>
      <c r="O188" s="128"/>
      <c r="P188" s="128"/>
      <c r="Q188" s="128"/>
      <c r="R188" s="128"/>
      <c r="S188" s="128"/>
      <c r="T188" s="128"/>
      <c r="U188" s="128"/>
      <c r="V188" s="128"/>
      <c r="W188" s="128"/>
      <c r="X188" s="128"/>
    </row>
    <row r="189" spans="1:24" ht="15" customHeight="1">
      <c r="A189" s="87"/>
      <c r="B189" s="128"/>
      <c r="C189" s="128"/>
      <c r="D189" s="128"/>
      <c r="E189" s="128"/>
      <c r="F189" s="128"/>
      <c r="G189" s="128"/>
      <c r="H189" s="128"/>
      <c r="I189" s="128"/>
      <c r="J189" s="128"/>
      <c r="K189" s="128"/>
      <c r="L189" s="128"/>
      <c r="M189" s="128"/>
      <c r="N189" s="128"/>
      <c r="O189" s="128"/>
      <c r="P189" s="128"/>
      <c r="Q189" s="128"/>
      <c r="R189" s="128"/>
      <c r="S189" s="128"/>
      <c r="T189" s="128"/>
      <c r="U189" s="128"/>
      <c r="V189" s="128"/>
      <c r="W189" s="128"/>
      <c r="X189" s="128"/>
    </row>
    <row r="190" spans="1:24" ht="15" customHeight="1">
      <c r="A190" s="87"/>
      <c r="B190" s="128"/>
      <c r="C190" s="128"/>
      <c r="D190" s="128"/>
      <c r="E190" s="128"/>
      <c r="F190" s="128"/>
      <c r="G190" s="128"/>
      <c r="H190" s="128"/>
      <c r="I190" s="128"/>
      <c r="J190" s="128"/>
      <c r="K190" s="128"/>
      <c r="L190" s="128"/>
      <c r="M190" s="128"/>
      <c r="N190" s="128"/>
      <c r="O190" s="128"/>
      <c r="P190" s="128"/>
      <c r="Q190" s="128"/>
      <c r="R190" s="128"/>
      <c r="S190" s="128"/>
      <c r="T190" s="128"/>
      <c r="U190" s="128"/>
      <c r="V190" s="128"/>
      <c r="W190" s="128"/>
      <c r="X190" s="128"/>
    </row>
    <row r="191" spans="1:24" ht="15" customHeight="1">
      <c r="A191" s="87"/>
      <c r="B191" s="128"/>
      <c r="C191" s="128"/>
      <c r="D191" s="128"/>
      <c r="E191" s="128"/>
      <c r="F191" s="128"/>
      <c r="G191" s="128"/>
      <c r="H191" s="128"/>
      <c r="I191" s="128"/>
      <c r="J191" s="128"/>
      <c r="K191" s="128"/>
      <c r="L191" s="128"/>
      <c r="M191" s="128"/>
      <c r="N191" s="128"/>
      <c r="O191" s="128"/>
      <c r="P191" s="128"/>
      <c r="Q191" s="128"/>
      <c r="R191" s="128"/>
      <c r="S191" s="128"/>
      <c r="T191" s="128"/>
      <c r="U191" s="128"/>
      <c r="V191" s="128"/>
      <c r="W191" s="128"/>
      <c r="X191" s="128"/>
    </row>
    <row r="192" spans="1:24" ht="15" customHeight="1">
      <c r="A192" s="87"/>
      <c r="B192" s="128"/>
      <c r="C192" s="128"/>
      <c r="D192" s="128"/>
      <c r="E192" s="128"/>
      <c r="F192" s="128"/>
      <c r="G192" s="128"/>
      <c r="H192" s="128"/>
      <c r="I192" s="128"/>
      <c r="J192" s="128"/>
      <c r="K192" s="128"/>
      <c r="L192" s="128"/>
      <c r="M192" s="128"/>
      <c r="N192" s="128"/>
      <c r="O192" s="128"/>
      <c r="P192" s="128"/>
      <c r="Q192" s="128"/>
      <c r="R192" s="128"/>
      <c r="S192" s="128"/>
      <c r="T192" s="128"/>
      <c r="U192" s="128"/>
      <c r="V192" s="128"/>
      <c r="W192" s="128"/>
      <c r="X192" s="128"/>
    </row>
    <row r="193" spans="1:24" ht="15" customHeight="1">
      <c r="A193" s="87"/>
      <c r="B193" s="128"/>
      <c r="C193" s="128"/>
      <c r="D193" s="128"/>
      <c r="E193" s="128"/>
      <c r="F193" s="128"/>
      <c r="G193" s="128"/>
      <c r="H193" s="128"/>
      <c r="I193" s="128"/>
      <c r="J193" s="128"/>
      <c r="K193" s="128"/>
      <c r="L193" s="128"/>
      <c r="M193" s="128"/>
      <c r="N193" s="128"/>
      <c r="O193" s="128"/>
      <c r="P193" s="128"/>
      <c r="Q193" s="128"/>
      <c r="R193" s="128"/>
      <c r="S193" s="128"/>
      <c r="T193" s="128"/>
      <c r="U193" s="128"/>
      <c r="V193" s="128"/>
      <c r="W193" s="128"/>
      <c r="X193" s="128"/>
    </row>
    <row r="194" spans="1:24" ht="15" customHeight="1">
      <c r="A194" s="87"/>
      <c r="B194" s="128"/>
      <c r="C194" s="128"/>
      <c r="D194" s="128"/>
      <c r="E194" s="128"/>
      <c r="F194" s="128"/>
      <c r="G194" s="128"/>
      <c r="H194" s="128"/>
      <c r="I194" s="128"/>
      <c r="J194" s="128"/>
      <c r="K194" s="128"/>
      <c r="L194" s="128"/>
      <c r="M194" s="128"/>
      <c r="N194" s="128"/>
      <c r="O194" s="128"/>
      <c r="P194" s="128"/>
      <c r="Q194" s="128"/>
      <c r="R194" s="128"/>
      <c r="S194" s="128"/>
      <c r="T194" s="128"/>
      <c r="U194" s="128"/>
      <c r="V194" s="128"/>
      <c r="W194" s="128"/>
      <c r="X194" s="128"/>
    </row>
    <row r="195" spans="1:24" ht="15" customHeight="1">
      <c r="A195" s="87"/>
      <c r="B195" s="128"/>
      <c r="C195" s="128"/>
      <c r="D195" s="128"/>
      <c r="E195" s="128"/>
      <c r="F195" s="128"/>
      <c r="G195" s="128"/>
      <c r="H195" s="128"/>
      <c r="I195" s="128"/>
      <c r="J195" s="128"/>
      <c r="K195" s="128"/>
      <c r="L195" s="128"/>
      <c r="M195" s="128"/>
      <c r="N195" s="128"/>
      <c r="O195" s="128"/>
      <c r="P195" s="128"/>
      <c r="Q195" s="128"/>
      <c r="R195" s="128"/>
      <c r="S195" s="128"/>
      <c r="T195" s="128"/>
      <c r="U195" s="128"/>
      <c r="V195" s="128"/>
      <c r="W195" s="128"/>
      <c r="X195" s="128"/>
    </row>
    <row r="196" spans="1:24" ht="15" customHeight="1">
      <c r="A196" s="87"/>
      <c r="B196" s="128"/>
      <c r="C196" s="128"/>
      <c r="D196" s="128"/>
      <c r="E196" s="128"/>
      <c r="F196" s="128"/>
      <c r="G196" s="128"/>
      <c r="H196" s="128"/>
      <c r="I196" s="128"/>
      <c r="J196" s="128"/>
      <c r="K196" s="128"/>
      <c r="L196" s="128"/>
      <c r="M196" s="128"/>
      <c r="N196" s="128"/>
      <c r="O196" s="128"/>
      <c r="P196" s="128"/>
      <c r="Q196" s="128"/>
      <c r="R196" s="128"/>
      <c r="S196" s="128"/>
      <c r="T196" s="128"/>
      <c r="U196" s="128"/>
      <c r="V196" s="128"/>
      <c r="W196" s="128"/>
      <c r="X196" s="128"/>
    </row>
    <row r="197" spans="1:24" ht="15" customHeight="1">
      <c r="A197" s="87"/>
      <c r="B197" s="128"/>
      <c r="C197" s="128"/>
      <c r="D197" s="128"/>
      <c r="E197" s="128"/>
      <c r="F197" s="128"/>
      <c r="G197" s="128"/>
      <c r="H197" s="128"/>
      <c r="I197" s="128"/>
      <c r="J197" s="128"/>
      <c r="K197" s="128"/>
      <c r="L197" s="128"/>
      <c r="M197" s="128"/>
      <c r="N197" s="128"/>
      <c r="O197" s="128"/>
      <c r="P197" s="128"/>
      <c r="Q197" s="128"/>
      <c r="R197" s="128"/>
      <c r="S197" s="128"/>
      <c r="T197" s="128"/>
      <c r="U197" s="128"/>
      <c r="V197" s="128"/>
      <c r="W197" s="128"/>
      <c r="X197" s="128"/>
    </row>
    <row r="198" spans="1:24" ht="15" customHeight="1">
      <c r="A198" s="87"/>
      <c r="B198" s="128"/>
      <c r="C198" s="128"/>
      <c r="D198" s="128"/>
      <c r="E198" s="128"/>
      <c r="F198" s="128"/>
      <c r="G198" s="128"/>
      <c r="H198" s="128"/>
      <c r="I198" s="128"/>
      <c r="J198" s="128"/>
      <c r="K198" s="128"/>
      <c r="L198" s="128"/>
      <c r="M198" s="128"/>
      <c r="N198" s="128"/>
      <c r="O198" s="128"/>
      <c r="P198" s="128"/>
      <c r="Q198" s="128"/>
      <c r="R198" s="128"/>
      <c r="S198" s="128"/>
      <c r="T198" s="128"/>
      <c r="U198" s="128"/>
      <c r="V198" s="128"/>
      <c r="W198" s="128"/>
      <c r="X198" s="128"/>
    </row>
    <row r="199" spans="1:24" ht="15" customHeight="1">
      <c r="A199" s="87"/>
      <c r="B199" s="128"/>
      <c r="C199" s="128"/>
      <c r="D199" s="128"/>
      <c r="E199" s="128"/>
      <c r="F199" s="128"/>
      <c r="G199" s="128"/>
      <c r="H199" s="128"/>
      <c r="I199" s="128"/>
      <c r="J199" s="128"/>
      <c r="K199" s="128"/>
      <c r="L199" s="128"/>
      <c r="M199" s="128"/>
      <c r="N199" s="128"/>
      <c r="O199" s="128"/>
      <c r="P199" s="128"/>
      <c r="Q199" s="128"/>
      <c r="R199" s="128"/>
      <c r="S199" s="128"/>
      <c r="T199" s="128"/>
      <c r="U199" s="128"/>
      <c r="V199" s="128"/>
      <c r="W199" s="128"/>
      <c r="X199" s="128"/>
    </row>
    <row r="200" spans="1:24" ht="15" customHeight="1">
      <c r="A200" s="87"/>
      <c r="B200" s="128"/>
      <c r="C200" s="128"/>
      <c r="D200" s="128"/>
      <c r="E200" s="128"/>
      <c r="F200" s="128"/>
      <c r="G200" s="128"/>
      <c r="H200" s="128"/>
      <c r="I200" s="128"/>
      <c r="J200" s="128"/>
      <c r="K200" s="128"/>
      <c r="L200" s="128"/>
      <c r="M200" s="128"/>
      <c r="N200" s="128"/>
      <c r="O200" s="128"/>
      <c r="P200" s="128"/>
      <c r="Q200" s="128"/>
      <c r="R200" s="128"/>
      <c r="S200" s="128"/>
      <c r="T200" s="128"/>
      <c r="U200" s="128"/>
      <c r="V200" s="128"/>
      <c r="W200" s="128"/>
      <c r="X200" s="128"/>
    </row>
    <row r="201" spans="1:24" ht="15" customHeight="1">
      <c r="A201" s="87"/>
      <c r="B201" s="128"/>
      <c r="C201" s="128"/>
      <c r="D201" s="128"/>
      <c r="E201" s="128"/>
      <c r="F201" s="128"/>
      <c r="G201" s="128"/>
      <c r="H201" s="128"/>
      <c r="I201" s="128"/>
      <c r="J201" s="128"/>
      <c r="K201" s="128"/>
      <c r="L201" s="128"/>
      <c r="M201" s="128"/>
      <c r="N201" s="128"/>
      <c r="O201" s="128"/>
      <c r="P201" s="128"/>
      <c r="Q201" s="128"/>
      <c r="R201" s="128"/>
      <c r="S201" s="128"/>
      <c r="T201" s="128"/>
      <c r="U201" s="128"/>
      <c r="V201" s="128"/>
      <c r="W201" s="128"/>
      <c r="X201" s="128"/>
    </row>
    <row r="202" spans="1:24" ht="15" customHeight="1">
      <c r="A202" s="87"/>
      <c r="B202" s="128"/>
      <c r="C202" s="128"/>
      <c r="D202" s="128"/>
      <c r="E202" s="128"/>
      <c r="F202" s="128"/>
      <c r="G202" s="128"/>
      <c r="H202" s="128"/>
      <c r="I202" s="128"/>
      <c r="J202" s="128"/>
      <c r="K202" s="128"/>
      <c r="L202" s="128"/>
      <c r="M202" s="128"/>
      <c r="N202" s="128"/>
      <c r="O202" s="128"/>
      <c r="P202" s="128"/>
      <c r="Q202" s="128"/>
      <c r="R202" s="128"/>
      <c r="S202" s="128"/>
      <c r="T202" s="128"/>
      <c r="U202" s="128"/>
      <c r="V202" s="128"/>
      <c r="W202" s="128"/>
      <c r="X202" s="128"/>
    </row>
    <row r="203" spans="1:24" ht="15" customHeight="1">
      <c r="A203" s="87"/>
      <c r="B203" s="128"/>
      <c r="C203" s="128"/>
      <c r="D203" s="128"/>
      <c r="E203" s="128"/>
      <c r="F203" s="128"/>
      <c r="G203" s="128"/>
      <c r="H203" s="128"/>
      <c r="I203" s="128"/>
      <c r="J203" s="128"/>
      <c r="K203" s="128"/>
      <c r="L203" s="128"/>
      <c r="M203" s="128"/>
      <c r="N203" s="128"/>
      <c r="O203" s="128"/>
      <c r="P203" s="128"/>
      <c r="Q203" s="128"/>
      <c r="R203" s="128"/>
      <c r="S203" s="128"/>
      <c r="T203" s="128"/>
      <c r="U203" s="128"/>
      <c r="V203" s="128"/>
      <c r="W203" s="128"/>
      <c r="X203" s="128"/>
    </row>
    <row r="204" spans="1:24" ht="15" customHeight="1">
      <c r="A204" s="87"/>
      <c r="B204" s="128"/>
      <c r="C204" s="128"/>
      <c r="D204" s="128"/>
      <c r="E204" s="128"/>
      <c r="F204" s="128"/>
      <c r="G204" s="128"/>
      <c r="H204" s="128"/>
      <c r="I204" s="128"/>
      <c r="J204" s="128"/>
      <c r="K204" s="128"/>
      <c r="L204" s="128"/>
      <c r="M204" s="128"/>
      <c r="N204" s="128"/>
      <c r="O204" s="128"/>
      <c r="P204" s="128"/>
      <c r="Q204" s="128"/>
      <c r="R204" s="128"/>
      <c r="S204" s="128"/>
      <c r="T204" s="128"/>
      <c r="U204" s="128"/>
      <c r="V204" s="128"/>
      <c r="W204" s="128"/>
      <c r="X204" s="128"/>
    </row>
    <row r="205" spans="1:24" ht="15" customHeight="1">
      <c r="A205" s="87"/>
      <c r="B205" s="128"/>
      <c r="C205" s="128"/>
      <c r="D205" s="128"/>
      <c r="E205" s="128"/>
      <c r="F205" s="128"/>
      <c r="G205" s="128"/>
      <c r="H205" s="128"/>
      <c r="I205" s="128"/>
      <c r="J205" s="128"/>
      <c r="K205" s="128"/>
      <c r="L205" s="128"/>
      <c r="M205" s="128"/>
      <c r="N205" s="128"/>
      <c r="O205" s="128"/>
      <c r="P205" s="128"/>
      <c r="Q205" s="128"/>
      <c r="R205" s="128"/>
      <c r="S205" s="128"/>
      <c r="T205" s="128"/>
      <c r="U205" s="128"/>
      <c r="V205" s="128"/>
      <c r="W205" s="128"/>
      <c r="X205" s="128"/>
    </row>
    <row r="206" spans="1:24" ht="15" customHeight="1">
      <c r="A206" s="87"/>
      <c r="B206" s="128"/>
      <c r="C206" s="128"/>
      <c r="D206" s="128"/>
      <c r="E206" s="128"/>
      <c r="F206" s="128"/>
      <c r="G206" s="128"/>
      <c r="H206" s="128"/>
      <c r="I206" s="128"/>
      <c r="J206" s="128"/>
      <c r="K206" s="128"/>
      <c r="L206" s="128"/>
      <c r="M206" s="128"/>
      <c r="N206" s="128"/>
      <c r="O206" s="128"/>
      <c r="P206" s="128"/>
      <c r="Q206" s="128"/>
      <c r="R206" s="128"/>
      <c r="S206" s="128"/>
      <c r="T206" s="128"/>
      <c r="U206" s="128"/>
      <c r="V206" s="128"/>
      <c r="W206" s="128"/>
      <c r="X206" s="128"/>
    </row>
    <row r="207" spans="1:24" ht="15" customHeight="1">
      <c r="A207" s="87"/>
      <c r="B207" s="128"/>
      <c r="C207" s="128"/>
      <c r="D207" s="128"/>
      <c r="E207" s="128"/>
      <c r="F207" s="128"/>
      <c r="G207" s="128"/>
      <c r="H207" s="128"/>
      <c r="I207" s="128"/>
      <c r="J207" s="128"/>
      <c r="K207" s="128"/>
      <c r="L207" s="128"/>
      <c r="M207" s="128"/>
      <c r="N207" s="128"/>
      <c r="O207" s="128"/>
      <c r="P207" s="128"/>
      <c r="Q207" s="128"/>
      <c r="R207" s="128"/>
      <c r="S207" s="128"/>
      <c r="T207" s="128"/>
      <c r="U207" s="128"/>
      <c r="V207" s="128"/>
      <c r="W207" s="128"/>
      <c r="X207" s="128"/>
    </row>
    <row r="208" spans="1:24" ht="15" customHeight="1">
      <c r="A208" s="87"/>
      <c r="B208" s="128"/>
      <c r="C208" s="128"/>
      <c r="D208" s="128"/>
      <c r="E208" s="128"/>
      <c r="F208" s="128"/>
      <c r="G208" s="128"/>
      <c r="H208" s="128"/>
      <c r="I208" s="128"/>
      <c r="J208" s="128"/>
      <c r="K208" s="128"/>
      <c r="L208" s="128"/>
      <c r="M208" s="128"/>
      <c r="N208" s="128"/>
      <c r="O208" s="128"/>
      <c r="P208" s="128"/>
      <c r="Q208" s="128"/>
      <c r="R208" s="128"/>
      <c r="S208" s="128"/>
      <c r="T208" s="128"/>
      <c r="U208" s="128"/>
      <c r="V208" s="128"/>
      <c r="W208" s="128"/>
      <c r="X208" s="128"/>
    </row>
    <row r="209" spans="1:24" ht="15" customHeight="1">
      <c r="A209" s="87"/>
      <c r="B209" s="128"/>
      <c r="C209" s="128"/>
      <c r="D209" s="128"/>
      <c r="E209" s="128"/>
      <c r="F209" s="128"/>
      <c r="G209" s="128"/>
      <c r="H209" s="128"/>
      <c r="I209" s="128"/>
      <c r="J209" s="128"/>
      <c r="K209" s="128"/>
      <c r="L209" s="128"/>
      <c r="M209" s="128"/>
      <c r="N209" s="128"/>
      <c r="O209" s="128"/>
      <c r="P209" s="128"/>
      <c r="Q209" s="128"/>
      <c r="R209" s="128"/>
      <c r="S209" s="128"/>
      <c r="T209" s="128"/>
      <c r="U209" s="128"/>
      <c r="V209" s="128"/>
      <c r="W209" s="128"/>
      <c r="X209" s="128"/>
    </row>
    <row r="210" spans="1:24" ht="15" customHeight="1">
      <c r="A210" s="87"/>
      <c r="B210" s="128"/>
      <c r="C210" s="128"/>
      <c r="D210" s="128"/>
      <c r="E210" s="128"/>
      <c r="F210" s="128"/>
      <c r="G210" s="128"/>
      <c r="H210" s="128"/>
      <c r="I210" s="128"/>
      <c r="J210" s="128"/>
      <c r="K210" s="128"/>
      <c r="L210" s="128"/>
      <c r="M210" s="128"/>
      <c r="N210" s="128"/>
      <c r="O210" s="128"/>
      <c r="P210" s="128"/>
      <c r="Q210" s="128"/>
      <c r="R210" s="128"/>
      <c r="S210" s="128"/>
      <c r="T210" s="128"/>
      <c r="U210" s="128"/>
      <c r="V210" s="128"/>
      <c r="W210" s="128"/>
      <c r="X210" s="128"/>
    </row>
    <row r="211" spans="1:24" ht="15" customHeight="1">
      <c r="A211" s="87"/>
      <c r="B211" s="128"/>
      <c r="C211" s="128"/>
      <c r="D211" s="128"/>
      <c r="E211" s="128"/>
      <c r="F211" s="128"/>
      <c r="G211" s="128"/>
      <c r="H211" s="128"/>
      <c r="I211" s="128"/>
      <c r="J211" s="128"/>
      <c r="K211" s="128"/>
      <c r="L211" s="128"/>
      <c r="M211" s="128"/>
      <c r="N211" s="128"/>
      <c r="O211" s="128"/>
      <c r="P211" s="128"/>
      <c r="Q211" s="128"/>
      <c r="R211" s="128"/>
      <c r="S211" s="128"/>
      <c r="T211" s="128"/>
      <c r="U211" s="128"/>
      <c r="V211" s="128"/>
      <c r="W211" s="128"/>
      <c r="X211" s="128"/>
    </row>
    <row r="212" spans="1:24" ht="15" customHeight="1">
      <c r="A212" s="87"/>
      <c r="B212" s="128"/>
      <c r="C212" s="128"/>
      <c r="D212" s="128"/>
      <c r="E212" s="128"/>
      <c r="F212" s="128"/>
      <c r="G212" s="128"/>
      <c r="H212" s="128"/>
      <c r="I212" s="128"/>
      <c r="J212" s="128"/>
      <c r="K212" s="128"/>
      <c r="L212" s="128"/>
      <c r="M212" s="128"/>
      <c r="N212" s="128"/>
      <c r="O212" s="128"/>
      <c r="P212" s="128"/>
      <c r="Q212" s="128"/>
      <c r="R212" s="128"/>
      <c r="S212" s="128"/>
      <c r="T212" s="128"/>
      <c r="U212" s="128"/>
      <c r="V212" s="128"/>
      <c r="W212" s="128"/>
      <c r="X212" s="128"/>
    </row>
    <row r="213" spans="1:24" ht="15" customHeight="1">
      <c r="A213" s="87"/>
      <c r="B213" s="128"/>
      <c r="C213" s="128"/>
      <c r="D213" s="128"/>
      <c r="E213" s="128"/>
      <c r="F213" s="128"/>
      <c r="G213" s="128"/>
      <c r="H213" s="128"/>
      <c r="I213" s="128"/>
      <c r="J213" s="128"/>
      <c r="K213" s="128"/>
      <c r="L213" s="128"/>
      <c r="M213" s="128"/>
      <c r="N213" s="128"/>
      <c r="O213" s="128"/>
      <c r="P213" s="128"/>
      <c r="Q213" s="128"/>
      <c r="R213" s="128"/>
      <c r="S213" s="128"/>
      <c r="T213" s="128"/>
      <c r="U213" s="128"/>
      <c r="V213" s="128"/>
      <c r="W213" s="128"/>
      <c r="X213" s="128"/>
    </row>
    <row r="214" spans="1:24" ht="15" customHeight="1">
      <c r="A214" s="87"/>
      <c r="B214" s="128"/>
      <c r="C214" s="128"/>
      <c r="D214" s="128"/>
      <c r="E214" s="128"/>
      <c r="F214" s="128"/>
      <c r="G214" s="128"/>
      <c r="H214" s="128"/>
      <c r="I214" s="128"/>
      <c r="J214" s="128"/>
      <c r="K214" s="128"/>
      <c r="L214" s="128"/>
      <c r="M214" s="128"/>
      <c r="N214" s="128"/>
      <c r="O214" s="128"/>
      <c r="P214" s="128"/>
      <c r="Q214" s="128"/>
      <c r="R214" s="128"/>
      <c r="S214" s="128"/>
      <c r="T214" s="128"/>
      <c r="U214" s="128"/>
      <c r="V214" s="128"/>
      <c r="W214" s="128"/>
      <c r="X214" s="128"/>
    </row>
    <row r="215" spans="1:24" ht="15" customHeight="1">
      <c r="A215" s="87"/>
      <c r="B215" s="128"/>
      <c r="C215" s="128"/>
      <c r="D215" s="128"/>
      <c r="E215" s="128"/>
      <c r="F215" s="128"/>
      <c r="G215" s="128"/>
      <c r="H215" s="128"/>
      <c r="I215" s="128"/>
      <c r="J215" s="128"/>
      <c r="K215" s="128"/>
      <c r="L215" s="128"/>
      <c r="M215" s="128"/>
      <c r="N215" s="128"/>
      <c r="O215" s="128"/>
      <c r="P215" s="128"/>
      <c r="Q215" s="128"/>
      <c r="R215" s="128"/>
      <c r="S215" s="128"/>
      <c r="T215" s="128"/>
      <c r="U215" s="128"/>
      <c r="V215" s="128"/>
      <c r="W215" s="128"/>
      <c r="X215" s="128"/>
    </row>
    <row r="216" spans="1:24" ht="15" customHeight="1">
      <c r="A216" s="87"/>
      <c r="B216" s="128"/>
      <c r="C216" s="128"/>
      <c r="D216" s="128"/>
      <c r="E216" s="128"/>
      <c r="F216" s="128"/>
      <c r="G216" s="128"/>
      <c r="H216" s="128"/>
      <c r="I216" s="128"/>
      <c r="J216" s="128"/>
      <c r="K216" s="128"/>
      <c r="L216" s="128"/>
      <c r="M216" s="128"/>
      <c r="N216" s="128"/>
      <c r="O216" s="128"/>
      <c r="P216" s="128"/>
      <c r="Q216" s="128"/>
      <c r="R216" s="128"/>
      <c r="S216" s="128"/>
      <c r="T216" s="128"/>
      <c r="U216" s="128"/>
      <c r="V216" s="128"/>
      <c r="W216" s="128"/>
      <c r="X216" s="128"/>
    </row>
    <row r="217" spans="1:24" ht="15" customHeight="1">
      <c r="A217" s="87"/>
      <c r="B217" s="128"/>
      <c r="C217" s="128"/>
      <c r="D217" s="128"/>
      <c r="E217" s="128"/>
      <c r="F217" s="128"/>
      <c r="G217" s="128"/>
      <c r="H217" s="128"/>
      <c r="I217" s="128"/>
      <c r="J217" s="128"/>
      <c r="K217" s="128"/>
      <c r="L217" s="128"/>
      <c r="M217" s="128"/>
      <c r="N217" s="128"/>
      <c r="O217" s="128"/>
      <c r="P217" s="128"/>
      <c r="Q217" s="128"/>
      <c r="R217" s="128"/>
      <c r="S217" s="128"/>
      <c r="T217" s="128"/>
      <c r="U217" s="128"/>
      <c r="V217" s="128"/>
      <c r="W217" s="128"/>
      <c r="X217" s="128"/>
    </row>
    <row r="218" spans="1:24" ht="15" customHeight="1">
      <c r="A218" s="87"/>
      <c r="B218" s="128"/>
      <c r="C218" s="128"/>
      <c r="D218" s="128"/>
      <c r="E218" s="128"/>
      <c r="F218" s="128"/>
      <c r="G218" s="128"/>
      <c r="H218" s="128"/>
      <c r="I218" s="128"/>
      <c r="J218" s="128"/>
      <c r="K218" s="128"/>
      <c r="L218" s="128"/>
      <c r="M218" s="128"/>
      <c r="N218" s="128"/>
      <c r="O218" s="128"/>
      <c r="P218" s="128"/>
      <c r="Q218" s="128"/>
      <c r="R218" s="128"/>
      <c r="S218" s="128"/>
      <c r="T218" s="128"/>
      <c r="U218" s="128"/>
      <c r="V218" s="128"/>
      <c r="W218" s="128"/>
      <c r="X218" s="128"/>
    </row>
    <row r="219" spans="1:24" ht="15" customHeight="1">
      <c r="A219" s="87"/>
      <c r="B219" s="128"/>
      <c r="C219" s="128"/>
      <c r="D219" s="128"/>
      <c r="E219" s="128"/>
      <c r="F219" s="128"/>
      <c r="G219" s="128"/>
      <c r="H219" s="128"/>
      <c r="I219" s="128"/>
      <c r="J219" s="128"/>
      <c r="K219" s="128"/>
      <c r="L219" s="128"/>
      <c r="M219" s="128"/>
      <c r="N219" s="128"/>
      <c r="O219" s="128"/>
      <c r="P219" s="128"/>
      <c r="Q219" s="128"/>
      <c r="R219" s="128"/>
      <c r="S219" s="128"/>
      <c r="T219" s="128"/>
      <c r="U219" s="128"/>
      <c r="V219" s="128"/>
      <c r="W219" s="128"/>
      <c r="X219" s="128"/>
    </row>
    <row r="220" spans="1:24" ht="15" customHeight="1">
      <c r="A220" s="87"/>
      <c r="B220" s="128"/>
      <c r="C220" s="128"/>
      <c r="D220" s="128"/>
      <c r="E220" s="128"/>
      <c r="F220" s="128"/>
      <c r="G220" s="128"/>
      <c r="H220" s="128"/>
      <c r="I220" s="128"/>
      <c r="J220" s="128"/>
      <c r="K220" s="128"/>
      <c r="L220" s="128"/>
      <c r="M220" s="128"/>
      <c r="N220" s="128"/>
      <c r="O220" s="128"/>
      <c r="P220" s="128"/>
      <c r="Q220" s="128"/>
      <c r="R220" s="128"/>
      <c r="S220" s="128"/>
      <c r="T220" s="128"/>
      <c r="U220" s="128"/>
      <c r="V220" s="128"/>
      <c r="W220" s="128"/>
      <c r="X220" s="128"/>
    </row>
    <row r="221" spans="1:24" ht="15" customHeight="1">
      <c r="A221" s="87"/>
      <c r="B221" s="128"/>
      <c r="C221" s="128"/>
      <c r="D221" s="128"/>
      <c r="E221" s="128"/>
      <c r="F221" s="128"/>
      <c r="G221" s="128"/>
      <c r="H221" s="128"/>
      <c r="I221" s="128"/>
      <c r="J221" s="128"/>
      <c r="K221" s="128"/>
      <c r="L221" s="128"/>
      <c r="M221" s="128"/>
      <c r="N221" s="128"/>
      <c r="O221" s="128"/>
      <c r="P221" s="128"/>
      <c r="Q221" s="128"/>
      <c r="R221" s="128"/>
      <c r="S221" s="128"/>
      <c r="T221" s="128"/>
      <c r="U221" s="128"/>
      <c r="V221" s="128"/>
      <c r="W221" s="128"/>
      <c r="X221" s="128"/>
    </row>
    <row r="222" spans="1:24" ht="15" customHeight="1">
      <c r="A222" s="87"/>
      <c r="B222" s="128"/>
      <c r="C222" s="128"/>
      <c r="D222" s="128"/>
      <c r="E222" s="128"/>
      <c r="F222" s="128"/>
      <c r="G222" s="128"/>
      <c r="H222" s="128"/>
      <c r="I222" s="128"/>
      <c r="J222" s="128"/>
      <c r="K222" s="128"/>
      <c r="L222" s="128"/>
      <c r="M222" s="128"/>
      <c r="N222" s="128"/>
      <c r="O222" s="128"/>
      <c r="P222" s="128"/>
      <c r="Q222" s="128"/>
      <c r="R222" s="128"/>
      <c r="S222" s="128"/>
      <c r="T222" s="128"/>
      <c r="U222" s="128"/>
      <c r="V222" s="128"/>
      <c r="W222" s="128"/>
      <c r="X222" s="128"/>
    </row>
    <row r="223" spans="1:24" ht="15" customHeight="1">
      <c r="A223" s="87"/>
      <c r="B223" s="128"/>
      <c r="C223" s="128"/>
      <c r="D223" s="128"/>
      <c r="E223" s="128"/>
      <c r="F223" s="128"/>
      <c r="G223" s="128"/>
      <c r="H223" s="128"/>
      <c r="I223" s="128"/>
      <c r="J223" s="128"/>
      <c r="K223" s="128"/>
      <c r="L223" s="128"/>
      <c r="M223" s="128"/>
      <c r="N223" s="128"/>
      <c r="O223" s="128"/>
      <c r="P223" s="128"/>
      <c r="Q223" s="128"/>
      <c r="R223" s="128"/>
      <c r="S223" s="128"/>
      <c r="T223" s="128"/>
      <c r="U223" s="128"/>
      <c r="V223" s="128"/>
      <c r="W223" s="128"/>
      <c r="X223" s="128"/>
    </row>
    <row r="224" spans="1:24" ht="15" customHeight="1">
      <c r="A224" s="87"/>
      <c r="B224" s="128"/>
      <c r="C224" s="128"/>
      <c r="D224" s="128"/>
      <c r="E224" s="128"/>
      <c r="F224" s="128"/>
      <c r="G224" s="128"/>
      <c r="H224" s="128"/>
      <c r="I224" s="128"/>
      <c r="J224" s="128"/>
      <c r="K224" s="128"/>
      <c r="L224" s="128"/>
      <c r="M224" s="128"/>
      <c r="N224" s="128"/>
      <c r="O224" s="128"/>
      <c r="P224" s="128"/>
      <c r="Q224" s="128"/>
      <c r="R224" s="128"/>
      <c r="S224" s="128"/>
      <c r="T224" s="128"/>
      <c r="U224" s="128"/>
      <c r="V224" s="128"/>
      <c r="W224" s="128"/>
      <c r="X224" s="128"/>
    </row>
    <row r="225" spans="1:24" ht="15" customHeight="1">
      <c r="A225" s="87"/>
      <c r="B225" s="128"/>
      <c r="C225" s="128"/>
      <c r="D225" s="128"/>
      <c r="E225" s="128"/>
      <c r="F225" s="128"/>
      <c r="G225" s="128"/>
      <c r="H225" s="128"/>
      <c r="I225" s="128"/>
      <c r="J225" s="128"/>
      <c r="K225" s="128"/>
      <c r="L225" s="128"/>
      <c r="M225" s="128"/>
      <c r="N225" s="128"/>
      <c r="O225" s="128"/>
      <c r="P225" s="128"/>
      <c r="Q225" s="128"/>
      <c r="R225" s="128"/>
      <c r="S225" s="128"/>
      <c r="T225" s="128"/>
      <c r="U225" s="128"/>
      <c r="V225" s="128"/>
      <c r="W225" s="128"/>
      <c r="X225" s="128"/>
    </row>
    <row r="226" spans="1:24" ht="15" customHeight="1">
      <c r="A226" s="87"/>
      <c r="B226" s="128"/>
      <c r="C226" s="128"/>
      <c r="D226" s="128"/>
      <c r="E226" s="128"/>
      <c r="F226" s="128"/>
      <c r="G226" s="128"/>
      <c r="H226" s="128"/>
      <c r="I226" s="128"/>
      <c r="J226" s="128"/>
      <c r="K226" s="128"/>
      <c r="L226" s="128"/>
      <c r="M226" s="128"/>
      <c r="N226" s="128"/>
      <c r="O226" s="128"/>
      <c r="P226" s="128"/>
      <c r="Q226" s="128"/>
      <c r="R226" s="128"/>
      <c r="S226" s="128"/>
      <c r="T226" s="128"/>
      <c r="U226" s="128"/>
      <c r="V226" s="128"/>
      <c r="W226" s="128"/>
      <c r="X226" s="128"/>
    </row>
    <row r="227" spans="1:24" ht="15" customHeight="1">
      <c r="A227" s="87"/>
      <c r="B227" s="128"/>
      <c r="C227" s="128"/>
      <c r="D227" s="128"/>
      <c r="E227" s="128"/>
      <c r="F227" s="128"/>
      <c r="G227" s="128"/>
      <c r="H227" s="128"/>
      <c r="I227" s="128"/>
      <c r="J227" s="128"/>
      <c r="K227" s="128"/>
      <c r="L227" s="128"/>
      <c r="M227" s="128"/>
      <c r="N227" s="128"/>
      <c r="O227" s="128"/>
      <c r="P227" s="128"/>
      <c r="Q227" s="128"/>
      <c r="R227" s="128"/>
      <c r="S227" s="128"/>
      <c r="T227" s="128"/>
      <c r="U227" s="128"/>
      <c r="V227" s="128"/>
      <c r="W227" s="128"/>
      <c r="X227" s="128"/>
    </row>
    <row r="228" spans="1:24" ht="15" customHeight="1">
      <c r="A228" s="87"/>
      <c r="B228" s="128"/>
      <c r="C228" s="128"/>
      <c r="D228" s="128"/>
      <c r="E228" s="128"/>
      <c r="F228" s="128"/>
      <c r="G228" s="128"/>
      <c r="H228" s="128"/>
      <c r="I228" s="128"/>
      <c r="J228" s="128"/>
      <c r="K228" s="128"/>
      <c r="L228" s="128"/>
      <c r="M228" s="128"/>
      <c r="N228" s="128"/>
      <c r="O228" s="128"/>
      <c r="P228" s="128"/>
      <c r="Q228" s="128"/>
      <c r="R228" s="128"/>
      <c r="S228" s="128"/>
      <c r="T228" s="128"/>
      <c r="U228" s="128"/>
      <c r="V228" s="128"/>
      <c r="W228" s="128"/>
      <c r="X228" s="128"/>
    </row>
    <row r="229" spans="1:24" ht="15" customHeight="1">
      <c r="A229" s="87"/>
      <c r="B229" s="128"/>
      <c r="C229" s="128"/>
      <c r="D229" s="128"/>
      <c r="E229" s="128"/>
      <c r="F229" s="128"/>
      <c r="G229" s="128"/>
      <c r="H229" s="128"/>
      <c r="I229" s="128"/>
      <c r="J229" s="128"/>
      <c r="K229" s="128"/>
      <c r="L229" s="128"/>
      <c r="M229" s="128"/>
      <c r="N229" s="128"/>
      <c r="O229" s="128"/>
      <c r="P229" s="128"/>
      <c r="Q229" s="128"/>
      <c r="R229" s="128"/>
      <c r="S229" s="128"/>
      <c r="T229" s="128"/>
      <c r="U229" s="128"/>
      <c r="V229" s="128"/>
      <c r="W229" s="128"/>
      <c r="X229" s="128"/>
    </row>
    <row r="230" spans="1:24" ht="15" customHeight="1">
      <c r="A230" s="87"/>
      <c r="B230" s="128"/>
      <c r="C230" s="128"/>
      <c r="D230" s="128"/>
      <c r="E230" s="128"/>
      <c r="F230" s="128"/>
      <c r="G230" s="128"/>
      <c r="H230" s="128"/>
      <c r="I230" s="128"/>
      <c r="J230" s="128"/>
      <c r="K230" s="128"/>
      <c r="L230" s="128"/>
      <c r="M230" s="128"/>
      <c r="N230" s="128"/>
      <c r="O230" s="128"/>
      <c r="P230" s="128"/>
      <c r="Q230" s="128"/>
      <c r="R230" s="128"/>
      <c r="S230" s="128"/>
      <c r="T230" s="128"/>
      <c r="U230" s="128"/>
      <c r="V230" s="128"/>
      <c r="W230" s="128"/>
      <c r="X230" s="128"/>
    </row>
    <row r="231" spans="1:24" ht="15" customHeight="1">
      <c r="A231" s="87"/>
      <c r="B231" s="128"/>
      <c r="C231" s="128"/>
      <c r="D231" s="128"/>
      <c r="E231" s="128"/>
      <c r="F231" s="128"/>
      <c r="G231" s="128"/>
      <c r="H231" s="128"/>
      <c r="I231" s="128"/>
      <c r="J231" s="128"/>
      <c r="K231" s="128"/>
      <c r="L231" s="128"/>
      <c r="M231" s="128"/>
      <c r="N231" s="128"/>
      <c r="O231" s="128"/>
      <c r="P231" s="128"/>
      <c r="Q231" s="128"/>
      <c r="R231" s="128"/>
      <c r="S231" s="128"/>
      <c r="T231" s="128"/>
      <c r="U231" s="128"/>
      <c r="V231" s="128"/>
      <c r="W231" s="128"/>
      <c r="X231" s="128"/>
    </row>
    <row r="232" spans="1:24" ht="15" customHeight="1">
      <c r="A232" s="87"/>
      <c r="B232" s="128"/>
      <c r="C232" s="128"/>
      <c r="D232" s="128"/>
      <c r="E232" s="128"/>
      <c r="F232" s="128"/>
      <c r="G232" s="128"/>
      <c r="H232" s="128"/>
      <c r="I232" s="128"/>
      <c r="J232" s="128"/>
      <c r="K232" s="128"/>
      <c r="L232" s="128"/>
      <c r="M232" s="128"/>
      <c r="N232" s="128"/>
      <c r="O232" s="128"/>
      <c r="P232" s="128"/>
      <c r="Q232" s="128"/>
      <c r="R232" s="128"/>
      <c r="S232" s="128"/>
      <c r="T232" s="128"/>
      <c r="U232" s="128"/>
      <c r="V232" s="128"/>
      <c r="W232" s="128"/>
      <c r="X232" s="128"/>
    </row>
    <row r="233" spans="1:24" ht="15" customHeight="1">
      <c r="A233" s="87"/>
      <c r="B233" s="128"/>
      <c r="C233" s="128"/>
      <c r="D233" s="128"/>
      <c r="E233" s="128"/>
      <c r="F233" s="128"/>
      <c r="G233" s="128"/>
      <c r="H233" s="128"/>
      <c r="I233" s="128"/>
      <c r="J233" s="128"/>
      <c r="K233" s="128"/>
      <c r="L233" s="128"/>
      <c r="M233" s="128"/>
      <c r="N233" s="128"/>
      <c r="O233" s="128"/>
      <c r="P233" s="128"/>
      <c r="Q233" s="128"/>
      <c r="R233" s="128"/>
      <c r="S233" s="128"/>
      <c r="T233" s="128"/>
      <c r="U233" s="128"/>
      <c r="V233" s="128"/>
      <c r="W233" s="128"/>
      <c r="X233" s="128"/>
    </row>
    <row r="234" spans="1:24" ht="15" customHeight="1">
      <c r="A234" s="87"/>
      <c r="B234" s="128"/>
      <c r="C234" s="128"/>
      <c r="D234" s="128"/>
      <c r="E234" s="128"/>
      <c r="F234" s="128"/>
      <c r="G234" s="128"/>
      <c r="H234" s="128"/>
      <c r="I234" s="128"/>
      <c r="J234" s="128"/>
      <c r="K234" s="128"/>
      <c r="L234" s="128"/>
      <c r="M234" s="128"/>
      <c r="N234" s="128"/>
      <c r="O234" s="128"/>
      <c r="P234" s="128"/>
      <c r="Q234" s="128"/>
      <c r="R234" s="128"/>
      <c r="S234" s="128"/>
      <c r="T234" s="128"/>
      <c r="U234" s="128"/>
      <c r="V234" s="128"/>
      <c r="W234" s="128"/>
      <c r="X234" s="128"/>
    </row>
    <row r="235" spans="1:24" ht="15" customHeight="1">
      <c r="A235" s="87"/>
      <c r="B235" s="128"/>
      <c r="C235" s="128"/>
      <c r="D235" s="128"/>
      <c r="E235" s="128"/>
      <c r="F235" s="128"/>
      <c r="G235" s="128"/>
      <c r="H235" s="128"/>
      <c r="I235" s="128"/>
      <c r="J235" s="128"/>
      <c r="K235" s="128"/>
      <c r="L235" s="128"/>
      <c r="M235" s="128"/>
      <c r="N235" s="128"/>
      <c r="O235" s="128"/>
      <c r="P235" s="128"/>
      <c r="Q235" s="128"/>
      <c r="R235" s="128"/>
      <c r="S235" s="128"/>
      <c r="T235" s="128"/>
      <c r="U235" s="128"/>
      <c r="V235" s="128"/>
      <c r="W235" s="128"/>
      <c r="X235" s="128"/>
    </row>
    <row r="236" spans="1:24" ht="15" customHeight="1">
      <c r="A236" s="87"/>
      <c r="B236" s="128"/>
      <c r="C236" s="128"/>
      <c r="D236" s="128"/>
      <c r="E236" s="128"/>
      <c r="F236" s="128"/>
      <c r="G236" s="128"/>
      <c r="H236" s="128"/>
      <c r="I236" s="128"/>
      <c r="J236" s="128"/>
      <c r="K236" s="128"/>
      <c r="L236" s="128"/>
      <c r="M236" s="128"/>
      <c r="N236" s="128"/>
      <c r="O236" s="128"/>
      <c r="P236" s="128"/>
      <c r="Q236" s="128"/>
      <c r="R236" s="128"/>
      <c r="S236" s="128"/>
      <c r="T236" s="128"/>
      <c r="U236" s="128"/>
      <c r="V236" s="128"/>
      <c r="W236" s="128"/>
      <c r="X236" s="128"/>
    </row>
    <row r="237" spans="1:24" ht="15" customHeight="1">
      <c r="A237" s="87"/>
      <c r="B237" s="128"/>
      <c r="C237" s="128"/>
      <c r="D237" s="128"/>
      <c r="E237" s="128"/>
      <c r="F237" s="128"/>
      <c r="G237" s="128"/>
      <c r="H237" s="128"/>
      <c r="I237" s="128"/>
      <c r="J237" s="128"/>
      <c r="K237" s="128"/>
      <c r="L237" s="128"/>
      <c r="M237" s="128"/>
      <c r="N237" s="128"/>
      <c r="O237" s="128"/>
      <c r="P237" s="128"/>
      <c r="Q237" s="128"/>
      <c r="R237" s="128"/>
      <c r="S237" s="128"/>
      <c r="T237" s="128"/>
      <c r="U237" s="128"/>
      <c r="V237" s="128"/>
      <c r="W237" s="128"/>
      <c r="X237" s="128"/>
    </row>
    <row r="238" spans="1:24" ht="15" customHeight="1">
      <c r="A238" s="87"/>
      <c r="B238" s="128"/>
      <c r="C238" s="128"/>
      <c r="D238" s="128"/>
      <c r="E238" s="128"/>
      <c r="F238" s="128"/>
      <c r="G238" s="128"/>
      <c r="H238" s="128"/>
      <c r="I238" s="128"/>
      <c r="J238" s="128"/>
      <c r="K238" s="128"/>
      <c r="L238" s="128"/>
      <c r="M238" s="128"/>
      <c r="N238" s="128"/>
      <c r="O238" s="128"/>
      <c r="P238" s="128"/>
      <c r="Q238" s="128"/>
      <c r="R238" s="128"/>
      <c r="S238" s="128"/>
      <c r="T238" s="128"/>
      <c r="U238" s="128"/>
      <c r="V238" s="128"/>
      <c r="W238" s="128"/>
      <c r="X238" s="128"/>
    </row>
    <row r="239" spans="1:24" ht="15" customHeight="1">
      <c r="A239" s="87"/>
      <c r="B239" s="128"/>
      <c r="C239" s="128"/>
      <c r="D239" s="128"/>
      <c r="E239" s="128"/>
      <c r="F239" s="128"/>
      <c r="G239" s="128"/>
      <c r="H239" s="128"/>
      <c r="I239" s="128"/>
      <c r="J239" s="128"/>
      <c r="K239" s="128"/>
      <c r="L239" s="128"/>
      <c r="M239" s="128"/>
      <c r="N239" s="128"/>
      <c r="O239" s="128"/>
      <c r="P239" s="128"/>
      <c r="Q239" s="128"/>
      <c r="R239" s="128"/>
      <c r="S239" s="128"/>
      <c r="T239" s="128"/>
      <c r="U239" s="128"/>
      <c r="V239" s="128"/>
      <c r="W239" s="128"/>
      <c r="X239" s="128"/>
    </row>
    <row r="240" spans="1:24" ht="15" customHeight="1">
      <c r="A240" s="87"/>
      <c r="B240" s="128"/>
      <c r="C240" s="128"/>
      <c r="D240" s="128"/>
      <c r="E240" s="128"/>
      <c r="F240" s="128"/>
      <c r="G240" s="128"/>
      <c r="H240" s="128"/>
      <c r="I240" s="128"/>
      <c r="J240" s="128"/>
      <c r="K240" s="128"/>
      <c r="L240" s="128"/>
      <c r="M240" s="128"/>
      <c r="N240" s="128"/>
      <c r="O240" s="128"/>
      <c r="P240" s="128"/>
      <c r="Q240" s="128"/>
      <c r="R240" s="128"/>
      <c r="S240" s="128"/>
      <c r="T240" s="128"/>
      <c r="U240" s="128"/>
      <c r="V240" s="128"/>
      <c r="W240" s="128"/>
      <c r="X240" s="128"/>
    </row>
    <row r="241" spans="1:24" ht="15" customHeight="1">
      <c r="A241" s="87"/>
      <c r="B241" s="128"/>
      <c r="C241" s="128"/>
      <c r="D241" s="128"/>
      <c r="E241" s="128"/>
      <c r="F241" s="128"/>
      <c r="G241" s="128"/>
      <c r="H241" s="128"/>
      <c r="I241" s="128"/>
      <c r="J241" s="128"/>
      <c r="K241" s="128"/>
      <c r="L241" s="128"/>
      <c r="M241" s="128"/>
      <c r="N241" s="128"/>
      <c r="O241" s="128"/>
      <c r="P241" s="128"/>
      <c r="Q241" s="128"/>
      <c r="R241" s="128"/>
      <c r="S241" s="128"/>
      <c r="T241" s="128"/>
      <c r="U241" s="128"/>
      <c r="V241" s="128"/>
      <c r="W241" s="128"/>
      <c r="X241" s="128"/>
    </row>
    <row r="242" spans="1:24" ht="15" customHeight="1">
      <c r="A242" s="87"/>
      <c r="B242" s="128"/>
      <c r="C242" s="128"/>
      <c r="D242" s="128"/>
      <c r="E242" s="128"/>
      <c r="F242" s="128"/>
      <c r="G242" s="128"/>
      <c r="H242" s="128"/>
      <c r="I242" s="128"/>
      <c r="J242" s="128"/>
      <c r="K242" s="128"/>
      <c r="L242" s="128"/>
      <c r="M242" s="128"/>
      <c r="N242" s="128"/>
      <c r="O242" s="128"/>
      <c r="P242" s="128"/>
      <c r="Q242" s="128"/>
      <c r="R242" s="128"/>
      <c r="S242" s="128"/>
      <c r="T242" s="128"/>
      <c r="U242" s="128"/>
      <c r="V242" s="128"/>
      <c r="W242" s="128"/>
      <c r="X242" s="128"/>
    </row>
    <row r="243" spans="1:24" ht="15" customHeight="1">
      <c r="A243" s="87"/>
      <c r="B243" s="128"/>
      <c r="C243" s="128"/>
      <c r="D243" s="128"/>
      <c r="E243" s="128"/>
      <c r="F243" s="128"/>
      <c r="G243" s="128"/>
      <c r="H243" s="128"/>
      <c r="I243" s="128"/>
      <c r="J243" s="128"/>
      <c r="K243" s="128"/>
      <c r="L243" s="128"/>
      <c r="M243" s="128"/>
      <c r="N243" s="128"/>
      <c r="O243" s="128"/>
      <c r="P243" s="128"/>
      <c r="Q243" s="128"/>
      <c r="R243" s="128"/>
      <c r="S243" s="128"/>
      <c r="T243" s="128"/>
      <c r="U243" s="128"/>
      <c r="V243" s="128"/>
      <c r="W243" s="128"/>
      <c r="X243" s="128"/>
    </row>
    <row r="244" spans="1:24" ht="15" customHeight="1">
      <c r="A244" s="87"/>
      <c r="B244" s="128"/>
      <c r="C244" s="128"/>
      <c r="D244" s="128"/>
      <c r="E244" s="128"/>
      <c r="F244" s="128"/>
      <c r="G244" s="128"/>
      <c r="H244" s="128"/>
      <c r="I244" s="128"/>
      <c r="J244" s="128"/>
      <c r="K244" s="128"/>
      <c r="L244" s="128"/>
      <c r="M244" s="128"/>
      <c r="N244" s="128"/>
      <c r="O244" s="128"/>
      <c r="P244" s="128"/>
      <c r="Q244" s="128"/>
      <c r="R244" s="128"/>
      <c r="S244" s="128"/>
      <c r="T244" s="128"/>
      <c r="U244" s="128"/>
      <c r="V244" s="128"/>
      <c r="W244" s="128"/>
      <c r="X244" s="128"/>
    </row>
    <row r="245" spans="1:24" ht="15" customHeight="1">
      <c r="A245" s="87"/>
      <c r="B245" s="128"/>
      <c r="C245" s="128"/>
      <c r="D245" s="128"/>
      <c r="E245" s="128"/>
      <c r="F245" s="128"/>
      <c r="G245" s="128"/>
      <c r="H245" s="128"/>
      <c r="I245" s="128"/>
      <c r="J245" s="128"/>
      <c r="K245" s="128"/>
      <c r="L245" s="128"/>
      <c r="M245" s="128"/>
      <c r="N245" s="128"/>
      <c r="O245" s="128"/>
      <c r="P245" s="128"/>
      <c r="Q245" s="128"/>
      <c r="R245" s="128"/>
      <c r="S245" s="128"/>
      <c r="T245" s="128"/>
      <c r="U245" s="128"/>
      <c r="V245" s="128"/>
      <c r="W245" s="128"/>
      <c r="X245" s="128"/>
    </row>
    <row r="246" spans="1:24" ht="15" customHeight="1">
      <c r="A246" s="87"/>
      <c r="B246" s="128"/>
      <c r="C246" s="128"/>
      <c r="D246" s="128"/>
      <c r="E246" s="128"/>
      <c r="F246" s="128"/>
      <c r="G246" s="128"/>
      <c r="H246" s="128"/>
      <c r="I246" s="128"/>
      <c r="J246" s="128"/>
      <c r="K246" s="128"/>
      <c r="L246" s="128"/>
      <c r="M246" s="128"/>
      <c r="N246" s="128"/>
      <c r="O246" s="128"/>
      <c r="P246" s="128"/>
      <c r="Q246" s="128"/>
      <c r="R246" s="128"/>
      <c r="S246" s="128"/>
      <c r="T246" s="128"/>
      <c r="U246" s="128"/>
      <c r="V246" s="128"/>
      <c r="W246" s="128"/>
      <c r="X246" s="128"/>
    </row>
    <row r="247" spans="1:24" ht="15" customHeight="1">
      <c r="A247" s="87"/>
      <c r="B247" s="128"/>
      <c r="C247" s="128"/>
      <c r="D247" s="128"/>
      <c r="E247" s="128"/>
      <c r="F247" s="128"/>
      <c r="G247" s="128"/>
      <c r="H247" s="128"/>
      <c r="I247" s="128"/>
      <c r="J247" s="128"/>
      <c r="K247" s="128"/>
      <c r="L247" s="128"/>
      <c r="M247" s="128"/>
      <c r="N247" s="128"/>
      <c r="O247" s="128"/>
      <c r="P247" s="128"/>
      <c r="Q247" s="128"/>
      <c r="R247" s="128"/>
      <c r="S247" s="128"/>
      <c r="T247" s="128"/>
      <c r="U247" s="128"/>
      <c r="V247" s="128"/>
      <c r="W247" s="128"/>
      <c r="X247" s="128"/>
    </row>
    <row r="248" spans="1:24" ht="15" customHeight="1">
      <c r="A248" s="87"/>
      <c r="B248" s="128"/>
      <c r="C248" s="128"/>
      <c r="D248" s="128"/>
      <c r="E248" s="128"/>
      <c r="F248" s="128"/>
      <c r="G248" s="128"/>
      <c r="H248" s="128"/>
      <c r="I248" s="128"/>
      <c r="J248" s="128"/>
      <c r="K248" s="128"/>
      <c r="L248" s="128"/>
      <c r="M248" s="128"/>
      <c r="N248" s="128"/>
      <c r="O248" s="128"/>
      <c r="P248" s="128"/>
      <c r="Q248" s="128"/>
      <c r="R248" s="128"/>
      <c r="S248" s="128"/>
      <c r="T248" s="128"/>
      <c r="U248" s="128"/>
      <c r="V248" s="128"/>
      <c r="W248" s="128"/>
      <c r="X248" s="128"/>
    </row>
    <row r="249" spans="1:24" ht="15" customHeight="1">
      <c r="A249" s="87"/>
      <c r="B249" s="128"/>
      <c r="C249" s="128"/>
      <c r="D249" s="128"/>
      <c r="E249" s="128"/>
      <c r="F249" s="128"/>
      <c r="G249" s="128"/>
      <c r="H249" s="128"/>
      <c r="I249" s="128"/>
      <c r="J249" s="128"/>
      <c r="K249" s="128"/>
      <c r="L249" s="128"/>
      <c r="M249" s="128"/>
      <c r="N249" s="128"/>
      <c r="O249" s="128"/>
      <c r="P249" s="128"/>
      <c r="Q249" s="128"/>
      <c r="R249" s="128"/>
      <c r="S249" s="128"/>
      <c r="T249" s="128"/>
      <c r="U249" s="128"/>
      <c r="V249" s="128"/>
      <c r="W249" s="128"/>
      <c r="X249" s="128"/>
    </row>
    <row r="250" spans="1:24" ht="15" customHeight="1">
      <c r="A250" s="87"/>
      <c r="B250" s="128"/>
      <c r="C250" s="128"/>
      <c r="D250" s="128"/>
      <c r="E250" s="128"/>
      <c r="F250" s="128"/>
      <c r="G250" s="128"/>
      <c r="H250" s="128"/>
      <c r="I250" s="128"/>
      <c r="J250" s="128"/>
      <c r="K250" s="128"/>
      <c r="L250" s="128"/>
      <c r="M250" s="128"/>
      <c r="N250" s="128"/>
      <c r="O250" s="128"/>
      <c r="P250" s="128"/>
      <c r="Q250" s="128"/>
      <c r="R250" s="128"/>
      <c r="S250" s="128"/>
      <c r="T250" s="128"/>
      <c r="U250" s="128"/>
      <c r="V250" s="128"/>
      <c r="W250" s="128"/>
      <c r="X250" s="128"/>
    </row>
    <row r="251" spans="1:24" ht="15" customHeight="1">
      <c r="A251" s="87"/>
      <c r="B251" s="128"/>
      <c r="C251" s="128"/>
      <c r="D251" s="128"/>
      <c r="E251" s="128"/>
      <c r="F251" s="128"/>
      <c r="G251" s="128"/>
      <c r="H251" s="128"/>
      <c r="I251" s="128"/>
      <c r="J251" s="128"/>
      <c r="K251" s="128"/>
      <c r="L251" s="128"/>
      <c r="M251" s="128"/>
      <c r="N251" s="128"/>
      <c r="O251" s="128"/>
      <c r="P251" s="128"/>
      <c r="Q251" s="128"/>
      <c r="R251" s="128"/>
      <c r="S251" s="128"/>
      <c r="T251" s="128"/>
      <c r="U251" s="128"/>
      <c r="V251" s="128"/>
      <c r="W251" s="128"/>
      <c r="X251" s="128"/>
    </row>
    <row r="252" spans="1:24" ht="15" customHeight="1">
      <c r="A252" s="87"/>
      <c r="B252" s="128"/>
      <c r="C252" s="128"/>
      <c r="D252" s="128"/>
      <c r="E252" s="128"/>
      <c r="F252" s="128"/>
      <c r="G252" s="128"/>
      <c r="H252" s="128"/>
      <c r="I252" s="128"/>
      <c r="J252" s="128"/>
      <c r="K252" s="128"/>
      <c r="L252" s="128"/>
      <c r="M252" s="128"/>
      <c r="N252" s="128"/>
      <c r="O252" s="128"/>
      <c r="P252" s="128"/>
      <c r="Q252" s="128"/>
      <c r="R252" s="128"/>
      <c r="S252" s="128"/>
      <c r="T252" s="128"/>
      <c r="U252" s="128"/>
      <c r="V252" s="128"/>
      <c r="W252" s="128"/>
      <c r="X252" s="128"/>
    </row>
    <row r="253" spans="1:24" ht="15" customHeight="1">
      <c r="A253" s="87"/>
      <c r="B253" s="128"/>
      <c r="C253" s="128"/>
      <c r="D253" s="128"/>
      <c r="E253" s="128"/>
      <c r="F253" s="128"/>
      <c r="G253" s="128"/>
      <c r="H253" s="128"/>
      <c r="I253" s="128"/>
      <c r="J253" s="128"/>
      <c r="K253" s="128"/>
      <c r="L253" s="128"/>
      <c r="M253" s="128"/>
      <c r="N253" s="128"/>
      <c r="O253" s="128"/>
      <c r="P253" s="128"/>
      <c r="Q253" s="128"/>
      <c r="R253" s="128"/>
      <c r="S253" s="128"/>
      <c r="T253" s="128"/>
      <c r="U253" s="128"/>
      <c r="V253" s="128"/>
      <c r="W253" s="128"/>
      <c r="X253" s="128"/>
    </row>
    <row r="254" spans="1:24" ht="15" customHeight="1">
      <c r="A254" s="87"/>
      <c r="B254" s="128"/>
      <c r="C254" s="128"/>
      <c r="D254" s="128"/>
      <c r="E254" s="128"/>
      <c r="F254" s="128"/>
      <c r="G254" s="128"/>
      <c r="H254" s="128"/>
      <c r="I254" s="128"/>
      <c r="J254" s="128"/>
      <c r="K254" s="128"/>
      <c r="L254" s="128"/>
      <c r="M254" s="128"/>
      <c r="N254" s="128"/>
      <c r="O254" s="128"/>
      <c r="P254" s="128"/>
      <c r="Q254" s="128"/>
      <c r="R254" s="128"/>
      <c r="S254" s="128"/>
      <c r="T254" s="128"/>
      <c r="U254" s="128"/>
      <c r="V254" s="128"/>
      <c r="W254" s="128"/>
      <c r="X254" s="128"/>
    </row>
    <row r="255" spans="1:24" ht="15" customHeight="1">
      <c r="A255" s="87"/>
      <c r="B255" s="128"/>
      <c r="C255" s="128"/>
      <c r="D255" s="128"/>
      <c r="E255" s="128"/>
      <c r="F255" s="128"/>
      <c r="G255" s="128"/>
      <c r="H255" s="128"/>
      <c r="I255" s="128"/>
      <c r="J255" s="128"/>
      <c r="K255" s="128"/>
      <c r="L255" s="128"/>
      <c r="M255" s="128"/>
      <c r="N255" s="128"/>
      <c r="O255" s="128"/>
      <c r="P255" s="128"/>
      <c r="Q255" s="128"/>
      <c r="R255" s="128"/>
      <c r="S255" s="128"/>
      <c r="T255" s="128"/>
      <c r="U255" s="128"/>
      <c r="V255" s="128"/>
      <c r="W255" s="128"/>
      <c r="X255" s="128"/>
    </row>
    <row r="256" spans="1:24" ht="15" customHeight="1">
      <c r="A256" s="87"/>
      <c r="B256" s="128"/>
      <c r="C256" s="128"/>
      <c r="D256" s="128"/>
      <c r="E256" s="128"/>
      <c r="F256" s="128"/>
      <c r="G256" s="128"/>
      <c r="H256" s="128"/>
      <c r="I256" s="128"/>
      <c r="J256" s="128"/>
      <c r="K256" s="128"/>
      <c r="L256" s="128"/>
      <c r="M256" s="128"/>
      <c r="N256" s="128"/>
      <c r="O256" s="128"/>
      <c r="P256" s="128"/>
      <c r="Q256" s="128"/>
      <c r="R256" s="128"/>
      <c r="S256" s="128"/>
      <c r="T256" s="128"/>
      <c r="U256" s="128"/>
      <c r="V256" s="128"/>
      <c r="W256" s="128"/>
      <c r="X256" s="128"/>
    </row>
    <row r="257" spans="1:24" ht="15" customHeight="1">
      <c r="A257" s="87"/>
      <c r="B257" s="128"/>
      <c r="C257" s="128"/>
      <c r="D257" s="128"/>
      <c r="E257" s="128"/>
      <c r="F257" s="128"/>
      <c r="G257" s="128"/>
      <c r="H257" s="128"/>
      <c r="I257" s="128"/>
      <c r="J257" s="128"/>
      <c r="K257" s="128"/>
      <c r="L257" s="128"/>
      <c r="M257" s="128"/>
      <c r="N257" s="128"/>
      <c r="O257" s="128"/>
      <c r="P257" s="128"/>
      <c r="Q257" s="128"/>
      <c r="R257" s="128"/>
      <c r="S257" s="128"/>
      <c r="T257" s="128"/>
      <c r="U257" s="128"/>
      <c r="V257" s="128"/>
      <c r="W257" s="128"/>
      <c r="X257" s="128"/>
    </row>
    <row r="258" spans="1:24" ht="15" customHeight="1">
      <c r="A258" s="87"/>
      <c r="B258" s="128"/>
      <c r="C258" s="128"/>
      <c r="D258" s="128"/>
      <c r="E258" s="128"/>
      <c r="F258" s="128"/>
      <c r="G258" s="128"/>
      <c r="H258" s="128"/>
      <c r="I258" s="128"/>
      <c r="J258" s="128"/>
      <c r="K258" s="128"/>
      <c r="L258" s="128"/>
      <c r="M258" s="128"/>
      <c r="N258" s="128"/>
      <c r="O258" s="128"/>
      <c r="P258" s="128"/>
      <c r="Q258" s="128"/>
      <c r="R258" s="128"/>
      <c r="S258" s="128"/>
      <c r="T258" s="128"/>
      <c r="U258" s="128"/>
      <c r="V258" s="128"/>
      <c r="W258" s="128"/>
      <c r="X258" s="128"/>
    </row>
    <row r="259" spans="1:24" ht="15" customHeight="1">
      <c r="A259" s="87"/>
      <c r="B259" s="128"/>
      <c r="C259" s="128"/>
      <c r="D259" s="128"/>
      <c r="E259" s="128"/>
      <c r="F259" s="128"/>
      <c r="G259" s="128"/>
      <c r="H259" s="128"/>
      <c r="I259" s="128"/>
      <c r="J259" s="128"/>
      <c r="K259" s="128"/>
      <c r="L259" s="128"/>
      <c r="M259" s="128"/>
      <c r="N259" s="128"/>
      <c r="O259" s="128"/>
      <c r="P259" s="128"/>
      <c r="Q259" s="128"/>
      <c r="R259" s="128"/>
      <c r="S259" s="128"/>
      <c r="T259" s="128"/>
      <c r="U259" s="128"/>
      <c r="V259" s="128"/>
      <c r="W259" s="128"/>
      <c r="X259" s="128"/>
    </row>
    <row r="260" spans="1:24" ht="15" customHeight="1">
      <c r="A260" s="87"/>
      <c r="B260" s="128"/>
      <c r="C260" s="128"/>
      <c r="D260" s="128"/>
      <c r="E260" s="128"/>
      <c r="F260" s="128"/>
      <c r="G260" s="128"/>
      <c r="H260" s="128"/>
      <c r="I260" s="128"/>
      <c r="J260" s="128"/>
      <c r="K260" s="128"/>
      <c r="L260" s="128"/>
      <c r="M260" s="128"/>
      <c r="N260" s="128"/>
      <c r="O260" s="128"/>
      <c r="P260" s="128"/>
      <c r="Q260" s="128"/>
      <c r="R260" s="128"/>
      <c r="S260" s="128"/>
      <c r="T260" s="128"/>
      <c r="U260" s="128"/>
      <c r="V260" s="128"/>
      <c r="W260" s="128"/>
      <c r="X260" s="128"/>
    </row>
    <row r="261" spans="1:24" ht="15" customHeight="1">
      <c r="A261" s="87"/>
      <c r="B261" s="128"/>
      <c r="C261" s="128"/>
      <c r="D261" s="128"/>
      <c r="E261" s="128"/>
      <c r="F261" s="128"/>
      <c r="G261" s="128"/>
      <c r="H261" s="128"/>
      <c r="I261" s="128"/>
      <c r="J261" s="128"/>
      <c r="K261" s="128"/>
      <c r="L261" s="128"/>
      <c r="M261" s="128"/>
      <c r="N261" s="128"/>
      <c r="O261" s="128"/>
      <c r="P261" s="128"/>
      <c r="Q261" s="128"/>
      <c r="R261" s="128"/>
      <c r="S261" s="128"/>
      <c r="T261" s="128"/>
      <c r="U261" s="128"/>
      <c r="V261" s="128"/>
      <c r="W261" s="128"/>
      <c r="X261" s="128"/>
    </row>
    <row r="262" spans="1:24" ht="15" customHeight="1">
      <c r="A262" s="87"/>
      <c r="B262" s="128"/>
      <c r="C262" s="128"/>
      <c r="D262" s="128"/>
      <c r="E262" s="128"/>
      <c r="F262" s="128"/>
      <c r="G262" s="128"/>
      <c r="H262" s="128"/>
      <c r="I262" s="128"/>
      <c r="J262" s="128"/>
      <c r="K262" s="128"/>
      <c r="L262" s="128"/>
      <c r="M262" s="128"/>
      <c r="N262" s="128"/>
      <c r="O262" s="128"/>
      <c r="P262" s="128"/>
      <c r="Q262" s="128"/>
      <c r="R262" s="128"/>
      <c r="S262" s="128"/>
      <c r="T262" s="128"/>
      <c r="U262" s="128"/>
      <c r="V262" s="128"/>
      <c r="W262" s="128"/>
      <c r="X262" s="128"/>
    </row>
    <row r="263" spans="1:24" ht="15" customHeight="1">
      <c r="A263" s="87"/>
      <c r="B263" s="128"/>
      <c r="C263" s="128"/>
      <c r="D263" s="128"/>
      <c r="E263" s="128"/>
      <c r="F263" s="128"/>
      <c r="G263" s="128"/>
      <c r="H263" s="128"/>
      <c r="I263" s="128"/>
      <c r="J263" s="128"/>
      <c r="K263" s="128"/>
      <c r="L263" s="128"/>
      <c r="M263" s="128"/>
      <c r="N263" s="128"/>
      <c r="O263" s="128"/>
      <c r="P263" s="128"/>
      <c r="Q263" s="128"/>
      <c r="R263" s="128"/>
      <c r="S263" s="128"/>
      <c r="T263" s="128"/>
      <c r="U263" s="128"/>
      <c r="V263" s="128"/>
      <c r="W263" s="128"/>
      <c r="X263" s="128"/>
    </row>
    <row r="264" spans="1:24" ht="15" customHeight="1">
      <c r="A264" s="87"/>
      <c r="B264" s="128"/>
      <c r="C264" s="128"/>
      <c r="D264" s="128"/>
      <c r="E264" s="128"/>
      <c r="F264" s="128"/>
      <c r="G264" s="128"/>
      <c r="H264" s="128"/>
      <c r="I264" s="128"/>
      <c r="J264" s="128"/>
      <c r="K264" s="128"/>
      <c r="L264" s="128"/>
      <c r="M264" s="128"/>
      <c r="N264" s="128"/>
      <c r="O264" s="128"/>
      <c r="P264" s="128"/>
      <c r="Q264" s="128"/>
      <c r="R264" s="128"/>
      <c r="S264" s="128"/>
      <c r="T264" s="128"/>
      <c r="U264" s="128"/>
      <c r="V264" s="128"/>
      <c r="W264" s="128"/>
      <c r="X264" s="128"/>
    </row>
    <row r="265" spans="1:24" ht="15" customHeight="1">
      <c r="A265" s="87"/>
      <c r="B265" s="128"/>
      <c r="C265" s="128"/>
      <c r="D265" s="128"/>
      <c r="E265" s="128"/>
      <c r="F265" s="128"/>
      <c r="G265" s="128"/>
      <c r="H265" s="128"/>
      <c r="I265" s="128"/>
      <c r="J265" s="128"/>
      <c r="K265" s="128"/>
      <c r="L265" s="128"/>
      <c r="M265" s="128"/>
      <c r="N265" s="128"/>
      <c r="O265" s="128"/>
      <c r="P265" s="128"/>
      <c r="Q265" s="128"/>
      <c r="R265" s="128"/>
      <c r="S265" s="128"/>
      <c r="T265" s="128"/>
      <c r="U265" s="128"/>
      <c r="V265" s="128"/>
      <c r="W265" s="128"/>
      <c r="X265" s="128"/>
    </row>
    <row r="266" spans="1:24" ht="15" customHeight="1">
      <c r="A266" s="87"/>
      <c r="B266" s="128"/>
      <c r="C266" s="128"/>
      <c r="D266" s="128"/>
      <c r="E266" s="128"/>
      <c r="F266" s="128"/>
      <c r="G266" s="128"/>
      <c r="H266" s="128"/>
      <c r="I266" s="128"/>
      <c r="J266" s="128"/>
      <c r="K266" s="128"/>
      <c r="L266" s="128"/>
      <c r="M266" s="128"/>
      <c r="N266" s="128"/>
      <c r="O266" s="128"/>
      <c r="P266" s="128"/>
      <c r="Q266" s="128"/>
      <c r="R266" s="128"/>
      <c r="S266" s="128"/>
      <c r="T266" s="128"/>
      <c r="U266" s="128"/>
      <c r="V266" s="128"/>
      <c r="W266" s="128"/>
      <c r="X266" s="128"/>
    </row>
    <row r="267" spans="1:24" ht="15" customHeight="1">
      <c r="A267" s="87"/>
      <c r="B267" s="128"/>
      <c r="C267" s="128"/>
      <c r="D267" s="128"/>
      <c r="E267" s="128"/>
      <c r="F267" s="128"/>
      <c r="G267" s="128"/>
      <c r="H267" s="128"/>
      <c r="I267" s="128"/>
      <c r="J267" s="128"/>
      <c r="K267" s="128"/>
      <c r="L267" s="128"/>
      <c r="M267" s="128"/>
      <c r="N267" s="128"/>
      <c r="O267" s="128"/>
      <c r="P267" s="128"/>
      <c r="Q267" s="128"/>
      <c r="R267" s="128"/>
      <c r="S267" s="128"/>
      <c r="T267" s="128"/>
      <c r="U267" s="128"/>
      <c r="V267" s="128"/>
      <c r="W267" s="128"/>
      <c r="X267" s="128"/>
    </row>
    <row r="268" spans="1:24" ht="15" customHeight="1">
      <c r="A268" s="87"/>
      <c r="B268" s="128"/>
      <c r="C268" s="128"/>
      <c r="D268" s="128"/>
      <c r="E268" s="128"/>
      <c r="F268" s="128"/>
      <c r="G268" s="128"/>
      <c r="H268" s="128"/>
      <c r="I268" s="128"/>
      <c r="J268" s="128"/>
      <c r="K268" s="128"/>
      <c r="L268" s="128"/>
      <c r="M268" s="128"/>
      <c r="N268" s="128"/>
      <c r="O268" s="128"/>
      <c r="P268" s="128"/>
      <c r="Q268" s="128"/>
      <c r="R268" s="128"/>
      <c r="S268" s="128"/>
      <c r="T268" s="128"/>
      <c r="U268" s="128"/>
      <c r="V268" s="128"/>
      <c r="W268" s="128"/>
      <c r="X268" s="128"/>
    </row>
    <row r="269" spans="1:24" ht="15" customHeight="1">
      <c r="A269" s="87"/>
      <c r="B269" s="128"/>
      <c r="C269" s="128"/>
      <c r="D269" s="128"/>
      <c r="E269" s="128"/>
      <c r="F269" s="128"/>
      <c r="G269" s="128"/>
      <c r="H269" s="128"/>
      <c r="I269" s="128"/>
      <c r="J269" s="128"/>
      <c r="K269" s="128"/>
      <c r="L269" s="128"/>
      <c r="M269" s="128"/>
      <c r="N269" s="128"/>
      <c r="O269" s="128"/>
      <c r="P269" s="128"/>
      <c r="Q269" s="128"/>
      <c r="R269" s="128"/>
      <c r="S269" s="128"/>
      <c r="T269" s="128"/>
      <c r="U269" s="128"/>
      <c r="V269" s="128"/>
      <c r="W269" s="128"/>
      <c r="X269" s="128"/>
    </row>
    <row r="270" spans="1:24" ht="15" customHeight="1">
      <c r="A270" s="87"/>
      <c r="B270" s="128"/>
      <c r="C270" s="128"/>
      <c r="D270" s="128"/>
      <c r="E270" s="128"/>
      <c r="F270" s="128"/>
      <c r="G270" s="128"/>
      <c r="H270" s="128"/>
      <c r="I270" s="128"/>
      <c r="J270" s="128"/>
      <c r="K270" s="128"/>
      <c r="L270" s="128"/>
      <c r="M270" s="128"/>
      <c r="N270" s="128"/>
      <c r="O270" s="128"/>
      <c r="P270" s="128"/>
      <c r="Q270" s="128"/>
      <c r="R270" s="128"/>
      <c r="S270" s="128"/>
      <c r="T270" s="128"/>
      <c r="U270" s="128"/>
      <c r="V270" s="128"/>
      <c r="W270" s="128"/>
      <c r="X270" s="128"/>
    </row>
    <row r="271" spans="1:24" ht="15" customHeight="1">
      <c r="A271" s="87"/>
      <c r="B271" s="128"/>
      <c r="C271" s="128"/>
      <c r="D271" s="128"/>
      <c r="E271" s="128"/>
      <c r="F271" s="128"/>
      <c r="G271" s="128"/>
      <c r="H271" s="128"/>
      <c r="I271" s="128"/>
      <c r="J271" s="128"/>
      <c r="K271" s="128"/>
      <c r="L271" s="128"/>
      <c r="M271" s="128"/>
      <c r="N271" s="128"/>
      <c r="O271" s="128"/>
      <c r="P271" s="128"/>
      <c r="Q271" s="128"/>
      <c r="R271" s="128"/>
      <c r="S271" s="128"/>
      <c r="T271" s="128"/>
      <c r="U271" s="128"/>
      <c r="V271" s="128"/>
      <c r="W271" s="128"/>
      <c r="X271" s="128"/>
    </row>
    <row r="272" spans="1:24" ht="15" customHeight="1">
      <c r="A272" s="87"/>
      <c r="B272" s="128"/>
      <c r="C272" s="128"/>
      <c r="D272" s="128"/>
      <c r="E272" s="128"/>
      <c r="F272" s="128"/>
      <c r="G272" s="128"/>
      <c r="H272" s="128"/>
      <c r="I272" s="128"/>
      <c r="J272" s="128"/>
      <c r="K272" s="128"/>
      <c r="L272" s="128"/>
      <c r="M272" s="128"/>
      <c r="N272" s="128"/>
      <c r="O272" s="128"/>
      <c r="P272" s="128"/>
      <c r="Q272" s="128"/>
      <c r="R272" s="128"/>
      <c r="S272" s="128"/>
      <c r="T272" s="128"/>
      <c r="U272" s="128"/>
      <c r="V272" s="128"/>
      <c r="W272" s="128"/>
      <c r="X272" s="128"/>
    </row>
    <row r="273" spans="1:24" ht="15" customHeight="1">
      <c r="A273" s="87"/>
      <c r="B273" s="128"/>
      <c r="C273" s="128"/>
      <c r="D273" s="128"/>
      <c r="E273" s="128"/>
      <c r="F273" s="128"/>
      <c r="G273" s="128"/>
      <c r="H273" s="128"/>
      <c r="I273" s="128"/>
      <c r="J273" s="128"/>
      <c r="K273" s="128"/>
      <c r="L273" s="128"/>
      <c r="M273" s="128"/>
      <c r="N273" s="128"/>
      <c r="O273" s="128"/>
      <c r="P273" s="128"/>
      <c r="Q273" s="128"/>
      <c r="R273" s="128"/>
      <c r="S273" s="128"/>
      <c r="T273" s="128"/>
      <c r="U273" s="128"/>
      <c r="V273" s="128"/>
      <c r="W273" s="128"/>
      <c r="X273" s="128"/>
    </row>
    <row r="274" spans="1:24" ht="15" customHeight="1">
      <c r="A274" s="87"/>
      <c r="B274" s="128"/>
      <c r="C274" s="128"/>
      <c r="D274" s="128"/>
      <c r="E274" s="128"/>
      <c r="F274" s="128"/>
      <c r="G274" s="128"/>
      <c r="H274" s="128"/>
      <c r="I274" s="128"/>
      <c r="J274" s="128"/>
      <c r="K274" s="128"/>
      <c r="L274" s="128"/>
      <c r="M274" s="128"/>
      <c r="N274" s="128"/>
      <c r="O274" s="128"/>
      <c r="P274" s="128"/>
      <c r="Q274" s="128"/>
      <c r="R274" s="128"/>
      <c r="S274" s="128"/>
      <c r="T274" s="128"/>
      <c r="U274" s="128"/>
      <c r="V274" s="128"/>
      <c r="W274" s="128"/>
      <c r="X274" s="128"/>
    </row>
    <row r="275" spans="1:24" ht="15" customHeight="1">
      <c r="A275" s="87"/>
      <c r="B275" s="128"/>
      <c r="C275" s="128"/>
      <c r="D275" s="128"/>
      <c r="E275" s="128"/>
      <c r="F275" s="128"/>
      <c r="G275" s="128"/>
      <c r="H275" s="128"/>
      <c r="I275" s="128"/>
      <c r="J275" s="128"/>
      <c r="K275" s="128"/>
      <c r="L275" s="128"/>
      <c r="M275" s="128"/>
      <c r="N275" s="128"/>
      <c r="O275" s="128"/>
      <c r="P275" s="128"/>
      <c r="Q275" s="128"/>
      <c r="R275" s="128"/>
      <c r="S275" s="128"/>
      <c r="T275" s="128"/>
      <c r="U275" s="128"/>
      <c r="V275" s="128"/>
      <c r="W275" s="128"/>
      <c r="X275" s="128"/>
    </row>
    <row r="276" spans="1:24" ht="15" customHeight="1">
      <c r="A276" s="87"/>
      <c r="B276" s="128"/>
      <c r="C276" s="128"/>
      <c r="D276" s="128"/>
      <c r="E276" s="128"/>
      <c r="F276" s="128"/>
      <c r="G276" s="128"/>
      <c r="H276" s="128"/>
      <c r="I276" s="128"/>
      <c r="J276" s="128"/>
      <c r="K276" s="128"/>
      <c r="L276" s="128"/>
      <c r="M276" s="128"/>
      <c r="N276" s="128"/>
      <c r="O276" s="128"/>
      <c r="P276" s="128"/>
      <c r="Q276" s="128"/>
      <c r="R276" s="128"/>
      <c r="S276" s="128"/>
      <c r="T276" s="128"/>
      <c r="U276" s="128"/>
      <c r="V276" s="128"/>
      <c r="W276" s="128"/>
      <c r="X276" s="128"/>
    </row>
    <row r="277" spans="1:24" ht="15" customHeight="1">
      <c r="A277" s="87"/>
      <c r="B277" s="128"/>
      <c r="C277" s="128"/>
      <c r="D277" s="128"/>
      <c r="E277" s="128"/>
      <c r="F277" s="128"/>
      <c r="G277" s="128"/>
      <c r="H277" s="128"/>
      <c r="I277" s="128"/>
      <c r="J277" s="128"/>
      <c r="K277" s="128"/>
      <c r="L277" s="128"/>
      <c r="M277" s="128"/>
      <c r="N277" s="128"/>
      <c r="O277" s="128"/>
      <c r="P277" s="128"/>
      <c r="Q277" s="128"/>
      <c r="R277" s="128"/>
      <c r="S277" s="128"/>
      <c r="T277" s="128"/>
      <c r="U277" s="128"/>
      <c r="V277" s="128"/>
      <c r="W277" s="128"/>
      <c r="X277" s="128"/>
    </row>
    <row r="278" spans="1:24" ht="15" customHeight="1">
      <c r="A278" s="87"/>
      <c r="B278" s="128"/>
      <c r="C278" s="128"/>
      <c r="D278" s="128"/>
      <c r="E278" s="128"/>
      <c r="F278" s="128"/>
      <c r="G278" s="128"/>
      <c r="H278" s="128"/>
      <c r="I278" s="128"/>
      <c r="J278" s="128"/>
      <c r="K278" s="128"/>
      <c r="L278" s="128"/>
      <c r="M278" s="128"/>
      <c r="N278" s="128"/>
      <c r="O278" s="128"/>
      <c r="P278" s="128"/>
      <c r="Q278" s="128"/>
      <c r="R278" s="128"/>
      <c r="S278" s="128"/>
      <c r="T278" s="128"/>
      <c r="U278" s="128"/>
      <c r="V278" s="128"/>
      <c r="W278" s="128"/>
      <c r="X278" s="128"/>
    </row>
    <row r="279" spans="1:24" ht="15" customHeight="1">
      <c r="A279" s="87"/>
      <c r="B279" s="128"/>
      <c r="C279" s="128"/>
      <c r="D279" s="128"/>
      <c r="E279" s="128"/>
      <c r="F279" s="128"/>
      <c r="G279" s="128"/>
      <c r="H279" s="128"/>
      <c r="I279" s="128"/>
      <c r="J279" s="128"/>
      <c r="K279" s="128"/>
      <c r="L279" s="128"/>
      <c r="M279" s="128"/>
      <c r="N279" s="128"/>
      <c r="O279" s="128"/>
      <c r="P279" s="128"/>
      <c r="Q279" s="128"/>
      <c r="R279" s="128"/>
      <c r="S279" s="128"/>
      <c r="T279" s="128"/>
      <c r="U279" s="128"/>
      <c r="V279" s="128"/>
      <c r="W279" s="128"/>
      <c r="X279" s="128"/>
    </row>
    <row r="280" spans="1:24" ht="15" customHeight="1">
      <c r="A280" s="87"/>
      <c r="B280" s="128"/>
      <c r="C280" s="128"/>
      <c r="D280" s="128"/>
      <c r="E280" s="128"/>
      <c r="F280" s="128"/>
      <c r="G280" s="128"/>
      <c r="H280" s="128"/>
      <c r="I280" s="128"/>
      <c r="J280" s="128"/>
      <c r="K280" s="128"/>
      <c r="L280" s="128"/>
      <c r="M280" s="128"/>
      <c r="N280" s="128"/>
      <c r="O280" s="128"/>
      <c r="P280" s="128"/>
      <c r="Q280" s="128"/>
      <c r="R280" s="128"/>
      <c r="S280" s="128"/>
      <c r="T280" s="128"/>
      <c r="U280" s="128"/>
      <c r="V280" s="128"/>
      <c r="W280" s="128"/>
      <c r="X280" s="128"/>
    </row>
    <row r="281" spans="1:24" ht="15" customHeight="1">
      <c r="A281" s="87"/>
      <c r="B281" s="128"/>
      <c r="C281" s="128"/>
      <c r="D281" s="128"/>
      <c r="E281" s="128"/>
      <c r="F281" s="128"/>
      <c r="G281" s="128"/>
      <c r="H281" s="128"/>
      <c r="I281" s="128"/>
      <c r="J281" s="128"/>
      <c r="K281" s="128"/>
      <c r="L281" s="128"/>
      <c r="M281" s="128"/>
      <c r="N281" s="128"/>
      <c r="O281" s="128"/>
      <c r="P281" s="128"/>
      <c r="Q281" s="128"/>
      <c r="R281" s="128"/>
      <c r="S281" s="128"/>
      <c r="T281" s="128"/>
      <c r="U281" s="128"/>
      <c r="V281" s="128"/>
      <c r="W281" s="128"/>
      <c r="X281" s="128"/>
    </row>
    <row r="282" spans="1:24" ht="15" customHeight="1">
      <c r="A282" s="87"/>
      <c r="B282" s="128"/>
      <c r="C282" s="128"/>
      <c r="D282" s="128"/>
      <c r="E282" s="128"/>
      <c r="F282" s="128"/>
      <c r="G282" s="128"/>
      <c r="H282" s="128"/>
      <c r="I282" s="128"/>
      <c r="J282" s="128"/>
      <c r="K282" s="128"/>
      <c r="L282" s="128"/>
      <c r="M282" s="128"/>
      <c r="N282" s="128"/>
      <c r="O282" s="128"/>
      <c r="P282" s="128"/>
      <c r="Q282" s="128"/>
      <c r="R282" s="128"/>
      <c r="S282" s="128"/>
      <c r="T282" s="128"/>
      <c r="U282" s="128"/>
      <c r="V282" s="128"/>
      <c r="W282" s="128"/>
      <c r="X282" s="128"/>
    </row>
    <row r="283" spans="1:24" ht="15" customHeight="1">
      <c r="A283" s="87"/>
      <c r="B283" s="128"/>
      <c r="C283" s="128"/>
      <c r="D283" s="128"/>
      <c r="E283" s="128"/>
      <c r="F283" s="128"/>
      <c r="G283" s="128"/>
      <c r="H283" s="128"/>
      <c r="I283" s="128"/>
      <c r="J283" s="128"/>
      <c r="K283" s="128"/>
      <c r="L283" s="128"/>
      <c r="M283" s="128"/>
      <c r="N283" s="128"/>
      <c r="O283" s="128"/>
      <c r="P283" s="128"/>
      <c r="Q283" s="128"/>
      <c r="R283" s="128"/>
      <c r="S283" s="128"/>
      <c r="T283" s="128"/>
      <c r="U283" s="128"/>
      <c r="V283" s="128"/>
      <c r="W283" s="128"/>
      <c r="X283" s="128"/>
    </row>
    <row r="284" spans="1:24" ht="15" customHeight="1">
      <c r="A284" s="87"/>
      <c r="B284" s="128"/>
      <c r="C284" s="128"/>
      <c r="D284" s="128"/>
      <c r="E284" s="128"/>
      <c r="F284" s="128"/>
      <c r="G284" s="128"/>
      <c r="H284" s="128"/>
      <c r="I284" s="128"/>
      <c r="J284" s="128"/>
      <c r="K284" s="128"/>
      <c r="L284" s="128"/>
      <c r="M284" s="128"/>
      <c r="N284" s="128"/>
      <c r="O284" s="128"/>
      <c r="P284" s="128"/>
      <c r="Q284" s="128"/>
      <c r="R284" s="128"/>
      <c r="S284" s="128"/>
      <c r="T284" s="128"/>
      <c r="U284" s="128"/>
      <c r="V284" s="128"/>
      <c r="W284" s="128"/>
      <c r="X284" s="128"/>
    </row>
    <row r="285" spans="1:24" ht="15" customHeight="1">
      <c r="A285" s="87"/>
      <c r="B285" s="128"/>
      <c r="C285" s="128"/>
      <c r="D285" s="128"/>
      <c r="E285" s="128"/>
      <c r="F285" s="128"/>
      <c r="G285" s="128"/>
      <c r="H285" s="128"/>
      <c r="I285" s="128"/>
      <c r="J285" s="128"/>
      <c r="K285" s="128"/>
      <c r="L285" s="128"/>
      <c r="M285" s="128"/>
      <c r="N285" s="128"/>
      <c r="O285" s="128"/>
      <c r="P285" s="128"/>
      <c r="Q285" s="128"/>
      <c r="R285" s="128"/>
      <c r="S285" s="128"/>
      <c r="T285" s="128"/>
      <c r="U285" s="128"/>
      <c r="V285" s="128"/>
      <c r="W285" s="128"/>
      <c r="X285" s="128"/>
    </row>
    <row r="286" spans="1:24" ht="15" customHeight="1">
      <c r="A286" s="87"/>
      <c r="B286" s="128"/>
      <c r="C286" s="128"/>
      <c r="D286" s="128"/>
      <c r="E286" s="128"/>
      <c r="F286" s="128"/>
      <c r="G286" s="128"/>
      <c r="H286" s="128"/>
      <c r="I286" s="128"/>
      <c r="J286" s="128"/>
      <c r="K286" s="128"/>
      <c r="L286" s="128"/>
      <c r="M286" s="128"/>
      <c r="N286" s="128"/>
      <c r="O286" s="128"/>
      <c r="P286" s="128"/>
      <c r="Q286" s="128"/>
      <c r="R286" s="128"/>
      <c r="S286" s="128"/>
      <c r="T286" s="128"/>
      <c r="U286" s="128"/>
      <c r="V286" s="128"/>
      <c r="W286" s="128"/>
      <c r="X286" s="128"/>
    </row>
    <row r="287" spans="1:24" ht="15" customHeight="1">
      <c r="A287" s="87"/>
      <c r="B287" s="128"/>
      <c r="C287" s="128"/>
      <c r="D287" s="128"/>
      <c r="E287" s="128"/>
      <c r="F287" s="128"/>
      <c r="G287" s="128"/>
      <c r="H287" s="128"/>
      <c r="I287" s="128"/>
      <c r="J287" s="128"/>
      <c r="K287" s="128"/>
      <c r="L287" s="128"/>
      <c r="M287" s="128"/>
      <c r="N287" s="128"/>
      <c r="O287" s="128"/>
      <c r="P287" s="128"/>
      <c r="Q287" s="128"/>
      <c r="R287" s="128"/>
      <c r="S287" s="128"/>
      <c r="T287" s="128"/>
      <c r="U287" s="128"/>
      <c r="V287" s="128"/>
      <c r="W287" s="128"/>
      <c r="X287" s="128"/>
    </row>
    <row r="288" spans="1:24" ht="15" customHeight="1">
      <c r="A288" s="87"/>
      <c r="B288" s="128"/>
      <c r="C288" s="128"/>
      <c r="D288" s="128"/>
      <c r="E288" s="128"/>
      <c r="F288" s="128"/>
      <c r="G288" s="128"/>
      <c r="H288" s="128"/>
      <c r="I288" s="128"/>
      <c r="J288" s="128"/>
      <c r="K288" s="128"/>
      <c r="L288" s="128"/>
      <c r="M288" s="128"/>
      <c r="N288" s="128"/>
      <c r="O288" s="128"/>
      <c r="P288" s="128"/>
      <c r="Q288" s="128"/>
      <c r="R288" s="128"/>
      <c r="S288" s="128"/>
      <c r="T288" s="128"/>
      <c r="U288" s="128"/>
      <c r="V288" s="128"/>
      <c r="W288" s="128"/>
      <c r="X288" s="128"/>
    </row>
    <row r="289" spans="1:24" ht="15" customHeight="1">
      <c r="A289" s="87"/>
      <c r="B289" s="128"/>
      <c r="C289" s="128"/>
      <c r="D289" s="128"/>
      <c r="E289" s="128"/>
      <c r="F289" s="128"/>
      <c r="G289" s="128"/>
      <c r="H289" s="128"/>
      <c r="I289" s="128"/>
      <c r="J289" s="128"/>
      <c r="K289" s="128"/>
      <c r="L289" s="128"/>
      <c r="M289" s="128"/>
      <c r="N289" s="128"/>
      <c r="O289" s="128"/>
      <c r="P289" s="128"/>
      <c r="Q289" s="128"/>
      <c r="R289" s="128"/>
      <c r="S289" s="128"/>
      <c r="T289" s="128"/>
      <c r="U289" s="128"/>
      <c r="V289" s="128"/>
      <c r="W289" s="128"/>
      <c r="X289" s="128"/>
    </row>
    <row r="290" spans="1:24" ht="15" customHeight="1">
      <c r="A290" s="87"/>
      <c r="B290" s="128"/>
      <c r="C290" s="128"/>
      <c r="D290" s="128"/>
      <c r="E290" s="128"/>
      <c r="F290" s="128"/>
      <c r="G290" s="128"/>
      <c r="H290" s="128"/>
      <c r="I290" s="128"/>
      <c r="J290" s="128"/>
      <c r="K290" s="128"/>
      <c r="L290" s="128"/>
      <c r="M290" s="128"/>
      <c r="N290" s="128"/>
      <c r="O290" s="128"/>
      <c r="P290" s="128"/>
      <c r="Q290" s="128"/>
      <c r="R290" s="128"/>
      <c r="S290" s="128"/>
      <c r="T290" s="128"/>
      <c r="U290" s="128"/>
      <c r="V290" s="128"/>
      <c r="W290" s="128"/>
      <c r="X290" s="128"/>
    </row>
    <row r="291" spans="1:24" ht="15" customHeight="1">
      <c r="A291" s="87"/>
      <c r="B291" s="128"/>
      <c r="C291" s="128"/>
      <c r="D291" s="128"/>
      <c r="E291" s="128"/>
      <c r="F291" s="128"/>
      <c r="G291" s="128"/>
      <c r="H291" s="128"/>
      <c r="I291" s="128"/>
      <c r="J291" s="128"/>
      <c r="K291" s="128"/>
      <c r="L291" s="128"/>
      <c r="M291" s="128"/>
      <c r="N291" s="128"/>
      <c r="O291" s="128"/>
      <c r="P291" s="128"/>
      <c r="Q291" s="128"/>
      <c r="R291" s="128"/>
      <c r="S291" s="128"/>
      <c r="T291" s="128"/>
      <c r="U291" s="128"/>
      <c r="V291" s="128"/>
      <c r="W291" s="128"/>
      <c r="X291" s="128"/>
    </row>
    <row r="292" spans="1:24" ht="15" customHeight="1">
      <c r="A292" s="87"/>
      <c r="B292" s="128"/>
      <c r="C292" s="128"/>
      <c r="D292" s="128"/>
      <c r="E292" s="128"/>
      <c r="F292" s="128"/>
      <c r="G292" s="128"/>
      <c r="H292" s="128"/>
      <c r="I292" s="128"/>
      <c r="J292" s="128"/>
      <c r="K292" s="128"/>
      <c r="L292" s="128"/>
      <c r="M292" s="128"/>
      <c r="N292" s="128"/>
      <c r="O292" s="128"/>
      <c r="P292" s="128"/>
      <c r="Q292" s="128"/>
      <c r="R292" s="128"/>
      <c r="S292" s="128"/>
      <c r="T292" s="128"/>
      <c r="U292" s="128"/>
      <c r="V292" s="128"/>
      <c r="W292" s="128"/>
      <c r="X292" s="128"/>
    </row>
    <row r="293" spans="1:24" ht="15" customHeight="1">
      <c r="A293" s="87"/>
      <c r="B293" s="128"/>
      <c r="C293" s="128"/>
      <c r="D293" s="128"/>
      <c r="E293" s="128"/>
      <c r="F293" s="128"/>
      <c r="G293" s="128"/>
      <c r="H293" s="128"/>
      <c r="I293" s="128"/>
      <c r="J293" s="128"/>
      <c r="K293" s="128"/>
      <c r="L293" s="128"/>
      <c r="M293" s="128"/>
      <c r="N293" s="128"/>
      <c r="O293" s="128"/>
      <c r="P293" s="128"/>
      <c r="Q293" s="128"/>
      <c r="R293" s="128"/>
      <c r="S293" s="128"/>
      <c r="T293" s="128"/>
      <c r="U293" s="128"/>
      <c r="V293" s="128"/>
      <c r="W293" s="128"/>
      <c r="X293" s="128"/>
    </row>
    <row r="294" spans="1:24" ht="15" customHeight="1">
      <c r="A294" s="87"/>
      <c r="B294" s="128"/>
      <c r="C294" s="128"/>
      <c r="D294" s="128"/>
      <c r="E294" s="128"/>
      <c r="F294" s="128"/>
      <c r="G294" s="128"/>
      <c r="H294" s="128"/>
      <c r="I294" s="128"/>
      <c r="J294" s="128"/>
      <c r="K294" s="128"/>
      <c r="L294" s="128"/>
      <c r="M294" s="128"/>
      <c r="N294" s="128"/>
      <c r="O294" s="128"/>
      <c r="P294" s="128"/>
      <c r="Q294" s="128"/>
      <c r="R294" s="128"/>
      <c r="S294" s="128"/>
      <c r="T294" s="128"/>
      <c r="U294" s="128"/>
      <c r="V294" s="128"/>
      <c r="W294" s="128"/>
      <c r="X294" s="128"/>
    </row>
    <row r="295" spans="1:24" ht="15" customHeight="1">
      <c r="A295" s="87"/>
      <c r="B295" s="128"/>
      <c r="C295" s="128"/>
      <c r="D295" s="128"/>
      <c r="E295" s="128"/>
      <c r="F295" s="128"/>
      <c r="G295" s="128"/>
      <c r="H295" s="128"/>
      <c r="I295" s="128"/>
      <c r="J295" s="128"/>
      <c r="K295" s="128"/>
      <c r="L295" s="128"/>
      <c r="M295" s="128"/>
      <c r="N295" s="128"/>
      <c r="O295" s="128"/>
      <c r="P295" s="128"/>
      <c r="Q295" s="128"/>
      <c r="R295" s="128"/>
      <c r="S295" s="128"/>
      <c r="T295" s="128"/>
      <c r="U295" s="128"/>
      <c r="V295" s="128"/>
      <c r="W295" s="128"/>
      <c r="X295" s="128"/>
    </row>
    <row r="296" spans="1:24" ht="15" customHeight="1">
      <c r="A296" s="87"/>
      <c r="B296" s="128"/>
      <c r="C296" s="128"/>
      <c r="D296" s="128"/>
      <c r="E296" s="128"/>
      <c r="F296" s="128"/>
      <c r="G296" s="128"/>
      <c r="H296" s="128"/>
      <c r="I296" s="128"/>
      <c r="J296" s="128"/>
      <c r="K296" s="128"/>
      <c r="L296" s="128"/>
      <c r="M296" s="128"/>
      <c r="N296" s="128"/>
      <c r="O296" s="128"/>
      <c r="P296" s="128"/>
      <c r="Q296" s="128"/>
      <c r="R296" s="128"/>
      <c r="S296" s="128"/>
      <c r="T296" s="128"/>
      <c r="U296" s="128"/>
      <c r="V296" s="128"/>
      <c r="W296" s="128"/>
      <c r="X296" s="128"/>
    </row>
    <row r="297" spans="1:24" ht="15" customHeight="1">
      <c r="A297" s="87"/>
      <c r="B297" s="128"/>
      <c r="C297" s="128"/>
      <c r="D297" s="128"/>
      <c r="E297" s="128"/>
      <c r="F297" s="128"/>
      <c r="G297" s="128"/>
      <c r="H297" s="128"/>
      <c r="I297" s="128"/>
      <c r="J297" s="128"/>
      <c r="K297" s="128"/>
      <c r="L297" s="128"/>
      <c r="M297" s="128"/>
      <c r="N297" s="128"/>
      <c r="O297" s="128"/>
      <c r="P297" s="128"/>
      <c r="Q297" s="128"/>
      <c r="R297" s="128"/>
      <c r="S297" s="128"/>
      <c r="T297" s="128"/>
      <c r="U297" s="128"/>
      <c r="V297" s="128"/>
      <c r="W297" s="128"/>
      <c r="X297" s="128"/>
    </row>
    <row r="298" spans="1:24" ht="15" customHeight="1">
      <c r="A298" s="87"/>
      <c r="B298" s="128"/>
      <c r="C298" s="128"/>
      <c r="D298" s="128"/>
      <c r="E298" s="128"/>
      <c r="F298" s="128"/>
      <c r="G298" s="128"/>
      <c r="H298" s="128"/>
      <c r="I298" s="128"/>
      <c r="J298" s="128"/>
      <c r="K298" s="128"/>
      <c r="L298" s="128"/>
      <c r="M298" s="128"/>
      <c r="N298" s="128"/>
      <c r="O298" s="128"/>
      <c r="P298" s="128"/>
      <c r="Q298" s="128"/>
      <c r="R298" s="128"/>
      <c r="S298" s="128"/>
      <c r="T298" s="128"/>
      <c r="U298" s="128"/>
      <c r="V298" s="128"/>
      <c r="W298" s="128"/>
      <c r="X298" s="128"/>
    </row>
    <row r="299" spans="1:24" ht="15" customHeight="1">
      <c r="A299" s="87"/>
      <c r="B299" s="128"/>
      <c r="C299" s="128"/>
      <c r="D299" s="128"/>
      <c r="E299" s="128"/>
      <c r="F299" s="128"/>
      <c r="G299" s="128"/>
      <c r="H299" s="128"/>
      <c r="I299" s="128"/>
      <c r="J299" s="128"/>
      <c r="K299" s="128"/>
      <c r="L299" s="128"/>
      <c r="M299" s="128"/>
      <c r="N299" s="128"/>
      <c r="O299" s="128"/>
      <c r="P299" s="128"/>
      <c r="Q299" s="128"/>
      <c r="R299" s="128"/>
      <c r="S299" s="128"/>
      <c r="T299" s="128"/>
      <c r="U299" s="128"/>
      <c r="V299" s="128"/>
      <c r="W299" s="128"/>
      <c r="X299" s="128"/>
    </row>
    <row r="300" spans="1:24" ht="15" customHeight="1">
      <c r="A300" s="87"/>
      <c r="B300" s="128"/>
      <c r="C300" s="128"/>
      <c r="D300" s="128"/>
      <c r="E300" s="128"/>
      <c r="F300" s="128"/>
      <c r="G300" s="128"/>
      <c r="H300" s="128"/>
      <c r="I300" s="128"/>
      <c r="J300" s="128"/>
      <c r="K300" s="128"/>
      <c r="L300" s="128"/>
      <c r="M300" s="128"/>
      <c r="N300" s="128"/>
      <c r="O300" s="128"/>
      <c r="P300" s="128"/>
      <c r="Q300" s="128"/>
      <c r="R300" s="128"/>
      <c r="S300" s="128"/>
      <c r="T300" s="128"/>
      <c r="U300" s="128"/>
      <c r="V300" s="128"/>
      <c r="W300" s="128"/>
      <c r="X300" s="128"/>
    </row>
    <row r="301" spans="1:24" ht="15" customHeight="1">
      <c r="A301" s="87"/>
      <c r="B301" s="128"/>
      <c r="C301" s="128"/>
      <c r="D301" s="128"/>
      <c r="E301" s="128"/>
      <c r="F301" s="128"/>
      <c r="G301" s="128"/>
      <c r="H301" s="128"/>
      <c r="I301" s="128"/>
      <c r="J301" s="128"/>
      <c r="K301" s="128"/>
      <c r="L301" s="128"/>
      <c r="M301" s="128"/>
      <c r="N301" s="128"/>
      <c r="O301" s="128"/>
      <c r="P301" s="128"/>
      <c r="Q301" s="128"/>
      <c r="R301" s="128"/>
      <c r="S301" s="128"/>
      <c r="T301" s="128"/>
      <c r="U301" s="128"/>
      <c r="V301" s="128"/>
      <c r="W301" s="128"/>
      <c r="X301" s="128"/>
    </row>
    <row r="302" spans="1:24" ht="15" customHeight="1">
      <c r="A302" s="87"/>
      <c r="B302" s="128"/>
      <c r="C302" s="128"/>
      <c r="D302" s="128"/>
      <c r="E302" s="128"/>
      <c r="F302" s="128"/>
      <c r="G302" s="128"/>
      <c r="H302" s="128"/>
      <c r="I302" s="128"/>
      <c r="J302" s="128"/>
      <c r="K302" s="128"/>
      <c r="L302" s="128"/>
      <c r="M302" s="128"/>
      <c r="N302" s="128"/>
      <c r="O302" s="128"/>
      <c r="P302" s="128"/>
      <c r="Q302" s="128"/>
      <c r="R302" s="128"/>
      <c r="S302" s="128"/>
      <c r="T302" s="128"/>
      <c r="U302" s="128"/>
      <c r="V302" s="128"/>
      <c r="W302" s="128"/>
      <c r="X302" s="128"/>
    </row>
    <row r="303" spans="1:24" ht="15" customHeight="1">
      <c r="A303" s="87"/>
      <c r="B303" s="128"/>
      <c r="C303" s="128"/>
      <c r="D303" s="128"/>
      <c r="E303" s="128"/>
      <c r="F303" s="128"/>
      <c r="G303" s="128"/>
      <c r="H303" s="128"/>
      <c r="I303" s="128"/>
      <c r="J303" s="128"/>
      <c r="K303" s="128"/>
      <c r="L303" s="128"/>
      <c r="M303" s="128"/>
      <c r="N303" s="128"/>
      <c r="O303" s="128"/>
      <c r="P303" s="128"/>
      <c r="Q303" s="128"/>
      <c r="R303" s="128"/>
      <c r="S303" s="128"/>
      <c r="T303" s="128"/>
      <c r="U303" s="128"/>
      <c r="V303" s="128"/>
      <c r="W303" s="128"/>
      <c r="X303" s="128"/>
    </row>
    <row r="304" spans="1:24" ht="15" customHeight="1">
      <c r="A304" s="87"/>
      <c r="B304" s="128"/>
      <c r="C304" s="128"/>
      <c r="D304" s="128"/>
      <c r="E304" s="128"/>
      <c r="F304" s="128"/>
      <c r="G304" s="128"/>
      <c r="H304" s="128"/>
      <c r="I304" s="128"/>
      <c r="J304" s="128"/>
      <c r="K304" s="128"/>
      <c r="L304" s="128"/>
      <c r="M304" s="128"/>
      <c r="N304" s="128"/>
      <c r="O304" s="128"/>
      <c r="P304" s="128"/>
      <c r="Q304" s="128"/>
      <c r="R304" s="128"/>
      <c r="S304" s="128"/>
      <c r="T304" s="128"/>
      <c r="U304" s="128"/>
      <c r="V304" s="128"/>
      <c r="W304" s="128"/>
      <c r="X304" s="128"/>
    </row>
    <row r="305" spans="1:24" ht="15" customHeight="1">
      <c r="A305" s="87"/>
      <c r="B305" s="128"/>
      <c r="C305" s="128"/>
      <c r="D305" s="128"/>
      <c r="E305" s="128"/>
      <c r="F305" s="128"/>
      <c r="G305" s="128"/>
      <c r="H305" s="128"/>
      <c r="I305" s="128"/>
      <c r="J305" s="128"/>
      <c r="K305" s="128"/>
      <c r="L305" s="128"/>
      <c r="M305" s="128"/>
      <c r="N305" s="128"/>
      <c r="O305" s="128"/>
      <c r="P305" s="128"/>
      <c r="Q305" s="128"/>
      <c r="R305" s="128"/>
      <c r="S305" s="128"/>
      <c r="T305" s="128"/>
      <c r="U305" s="128"/>
      <c r="V305" s="128"/>
      <c r="W305" s="128"/>
      <c r="X305" s="128"/>
    </row>
    <row r="306" spans="1:24" ht="15" customHeight="1">
      <c r="A306" s="87"/>
      <c r="B306" s="128"/>
      <c r="C306" s="128"/>
      <c r="D306" s="128"/>
      <c r="E306" s="128"/>
      <c r="F306" s="128"/>
      <c r="G306" s="128"/>
      <c r="H306" s="128"/>
      <c r="I306" s="128"/>
      <c r="J306" s="128"/>
      <c r="K306" s="128"/>
      <c r="L306" s="128"/>
      <c r="M306" s="128"/>
      <c r="N306" s="128"/>
      <c r="O306" s="128"/>
      <c r="P306" s="128"/>
      <c r="Q306" s="128"/>
      <c r="R306" s="128"/>
      <c r="S306" s="128"/>
      <c r="T306" s="128"/>
      <c r="U306" s="128"/>
      <c r="V306" s="128"/>
      <c r="W306" s="128"/>
      <c r="X306" s="128"/>
    </row>
    <row r="307" spans="1:24" ht="15" customHeight="1">
      <c r="A307" s="87"/>
      <c r="B307" s="128"/>
      <c r="C307" s="128"/>
      <c r="D307" s="128"/>
      <c r="E307" s="128"/>
      <c r="F307" s="128"/>
      <c r="G307" s="128"/>
      <c r="H307" s="128"/>
      <c r="I307" s="128"/>
      <c r="J307" s="128"/>
      <c r="K307" s="128"/>
      <c r="L307" s="128"/>
      <c r="M307" s="128"/>
      <c r="N307" s="128"/>
      <c r="O307" s="128"/>
      <c r="P307" s="128"/>
      <c r="Q307" s="128"/>
      <c r="R307" s="128"/>
      <c r="S307" s="128"/>
      <c r="T307" s="128"/>
      <c r="U307" s="128"/>
      <c r="V307" s="128"/>
      <c r="W307" s="128"/>
      <c r="X307" s="128"/>
    </row>
    <row r="308" spans="1:24" ht="15" customHeight="1">
      <c r="A308" s="87"/>
      <c r="B308" s="128"/>
      <c r="C308" s="128"/>
      <c r="D308" s="128"/>
      <c r="E308" s="128"/>
      <c r="F308" s="128"/>
      <c r="G308" s="128"/>
      <c r="H308" s="128"/>
      <c r="I308" s="128"/>
      <c r="J308" s="128"/>
      <c r="K308" s="128"/>
      <c r="L308" s="128"/>
      <c r="M308" s="128"/>
      <c r="N308" s="128"/>
      <c r="O308" s="128"/>
      <c r="P308" s="128"/>
      <c r="Q308" s="128"/>
      <c r="R308" s="128"/>
      <c r="S308" s="128"/>
      <c r="T308" s="128"/>
      <c r="U308" s="128"/>
      <c r="V308" s="128"/>
      <c r="W308" s="128"/>
      <c r="X308" s="128"/>
    </row>
    <row r="309" spans="1:24" ht="15" customHeight="1">
      <c r="A309" s="87"/>
      <c r="B309" s="128"/>
      <c r="C309" s="128"/>
      <c r="D309" s="128"/>
      <c r="E309" s="128"/>
      <c r="F309" s="128"/>
      <c r="G309" s="128"/>
      <c r="H309" s="128"/>
      <c r="I309" s="128"/>
      <c r="J309" s="128"/>
      <c r="K309" s="128"/>
      <c r="L309" s="128"/>
      <c r="M309" s="128"/>
      <c r="N309" s="128"/>
      <c r="O309" s="128"/>
      <c r="P309" s="128"/>
      <c r="Q309" s="128"/>
      <c r="R309" s="128"/>
      <c r="S309" s="128"/>
      <c r="T309" s="128"/>
      <c r="U309" s="128"/>
      <c r="V309" s="128"/>
      <c r="W309" s="128"/>
      <c r="X309" s="128"/>
    </row>
    <row r="310" spans="1:24" ht="15" customHeight="1">
      <c r="A310" s="87"/>
      <c r="B310" s="128"/>
      <c r="C310" s="128"/>
      <c r="D310" s="128"/>
      <c r="E310" s="128"/>
      <c r="F310" s="128"/>
      <c r="G310" s="128"/>
      <c r="H310" s="128"/>
      <c r="I310" s="128"/>
      <c r="J310" s="128"/>
      <c r="K310" s="128"/>
      <c r="L310" s="128"/>
      <c r="M310" s="128"/>
      <c r="N310" s="128"/>
      <c r="O310" s="128"/>
      <c r="P310" s="128"/>
      <c r="Q310" s="128"/>
      <c r="R310" s="128"/>
      <c r="S310" s="128"/>
      <c r="T310" s="128"/>
      <c r="U310" s="128"/>
      <c r="V310" s="128"/>
      <c r="W310" s="128"/>
      <c r="X310" s="128"/>
    </row>
    <row r="311" spans="1:24" ht="15" customHeight="1">
      <c r="A311" s="87"/>
      <c r="B311" s="128"/>
      <c r="C311" s="128"/>
      <c r="D311" s="128"/>
      <c r="E311" s="128"/>
      <c r="F311" s="128"/>
      <c r="G311" s="128"/>
      <c r="H311" s="128"/>
      <c r="I311" s="128"/>
      <c r="J311" s="128"/>
      <c r="K311" s="128"/>
      <c r="L311" s="128"/>
      <c r="M311" s="128"/>
      <c r="N311" s="128"/>
      <c r="O311" s="128"/>
      <c r="P311" s="128"/>
      <c r="Q311" s="128"/>
      <c r="R311" s="128"/>
      <c r="S311" s="128"/>
      <c r="T311" s="128"/>
      <c r="U311" s="128"/>
      <c r="V311" s="128"/>
      <c r="W311" s="128"/>
      <c r="X311" s="128"/>
    </row>
    <row r="312" spans="1:24" ht="15" customHeight="1">
      <c r="A312" s="87"/>
      <c r="B312" s="128"/>
      <c r="C312" s="128"/>
      <c r="D312" s="128"/>
      <c r="E312" s="128"/>
      <c r="F312" s="128"/>
      <c r="G312" s="128"/>
      <c r="H312" s="128"/>
      <c r="I312" s="128"/>
      <c r="J312" s="128"/>
      <c r="K312" s="128"/>
      <c r="L312" s="128"/>
      <c r="M312" s="128"/>
      <c r="N312" s="128"/>
      <c r="O312" s="128"/>
      <c r="P312" s="128"/>
      <c r="Q312" s="128"/>
      <c r="R312" s="128"/>
      <c r="S312" s="128"/>
      <c r="T312" s="128"/>
      <c r="U312" s="128"/>
      <c r="V312" s="128"/>
      <c r="W312" s="128"/>
      <c r="X312" s="128"/>
    </row>
    <row r="313" spans="1:24" ht="15" customHeight="1">
      <c r="A313" s="87"/>
      <c r="B313" s="128"/>
      <c r="C313" s="128"/>
      <c r="D313" s="128"/>
      <c r="E313" s="128"/>
      <c r="F313" s="128"/>
      <c r="G313" s="128"/>
      <c r="H313" s="128"/>
      <c r="I313" s="128"/>
      <c r="J313" s="128"/>
      <c r="K313" s="128"/>
      <c r="L313" s="128"/>
      <c r="M313" s="128"/>
      <c r="N313" s="128"/>
      <c r="O313" s="128"/>
      <c r="P313" s="128"/>
      <c r="Q313" s="128"/>
      <c r="R313" s="128"/>
      <c r="S313" s="128"/>
      <c r="T313" s="128"/>
      <c r="U313" s="128"/>
      <c r="V313" s="128"/>
      <c r="W313" s="128"/>
      <c r="X313" s="128"/>
    </row>
    <row r="314" spans="1:24" ht="15" customHeight="1">
      <c r="A314" s="87"/>
      <c r="B314" s="128"/>
      <c r="C314" s="128"/>
      <c r="D314" s="128"/>
      <c r="E314" s="128"/>
      <c r="F314" s="128"/>
      <c r="G314" s="128"/>
      <c r="H314" s="128"/>
      <c r="I314" s="128"/>
      <c r="J314" s="128"/>
      <c r="K314" s="128"/>
      <c r="L314" s="128"/>
      <c r="M314" s="128"/>
      <c r="N314" s="128"/>
      <c r="O314" s="128"/>
      <c r="P314" s="128"/>
      <c r="Q314" s="128"/>
      <c r="R314" s="128"/>
      <c r="S314" s="128"/>
      <c r="T314" s="128"/>
      <c r="U314" s="128"/>
      <c r="V314" s="128"/>
      <c r="W314" s="128"/>
      <c r="X314" s="128"/>
    </row>
    <row r="315" spans="1:24" ht="15" customHeight="1">
      <c r="A315" s="87"/>
      <c r="B315" s="128"/>
      <c r="C315" s="128"/>
      <c r="D315" s="128"/>
      <c r="E315" s="128"/>
      <c r="F315" s="128"/>
      <c r="G315" s="128"/>
      <c r="H315" s="128"/>
      <c r="I315" s="128"/>
      <c r="J315" s="128"/>
      <c r="K315" s="128"/>
      <c r="L315" s="128"/>
      <c r="M315" s="128"/>
      <c r="N315" s="128"/>
      <c r="O315" s="128"/>
      <c r="P315" s="128"/>
      <c r="Q315" s="128"/>
      <c r="R315" s="128"/>
      <c r="S315" s="128"/>
      <c r="T315" s="128"/>
      <c r="U315" s="128"/>
      <c r="V315" s="128"/>
      <c r="W315" s="128"/>
      <c r="X315" s="128"/>
    </row>
    <row r="316" spans="1:24" ht="15" customHeight="1">
      <c r="A316" s="87"/>
      <c r="B316" s="128"/>
      <c r="C316" s="128"/>
      <c r="D316" s="128"/>
      <c r="E316" s="128"/>
      <c r="F316" s="128"/>
      <c r="G316" s="128"/>
      <c r="H316" s="128"/>
      <c r="I316" s="128"/>
      <c r="J316" s="128"/>
      <c r="K316" s="128"/>
      <c r="L316" s="128"/>
      <c r="M316" s="128"/>
      <c r="N316" s="128"/>
      <c r="O316" s="128"/>
      <c r="P316" s="128"/>
      <c r="Q316" s="128"/>
      <c r="R316" s="128"/>
      <c r="S316" s="128"/>
      <c r="T316" s="128"/>
      <c r="U316" s="128"/>
      <c r="V316" s="128"/>
      <c r="W316" s="128"/>
      <c r="X316" s="128"/>
    </row>
    <row r="317" spans="1:24" ht="15" customHeight="1">
      <c r="A317" s="87"/>
      <c r="B317" s="128"/>
      <c r="C317" s="128"/>
      <c r="D317" s="128"/>
      <c r="E317" s="128"/>
      <c r="F317" s="128"/>
      <c r="G317" s="128"/>
      <c r="H317" s="128"/>
      <c r="I317" s="128"/>
      <c r="J317" s="128"/>
      <c r="K317" s="128"/>
      <c r="L317" s="128"/>
      <c r="M317" s="128"/>
      <c r="N317" s="128"/>
      <c r="O317" s="128"/>
      <c r="P317" s="128"/>
      <c r="Q317" s="128"/>
      <c r="R317" s="128"/>
      <c r="S317" s="128"/>
      <c r="T317" s="128"/>
      <c r="U317" s="128"/>
      <c r="V317" s="128"/>
      <c r="W317" s="128"/>
      <c r="X317" s="128"/>
    </row>
    <row r="318" spans="1:24" ht="15" customHeight="1">
      <c r="A318" s="87"/>
      <c r="B318" s="128"/>
      <c r="C318" s="128"/>
      <c r="D318" s="128"/>
      <c r="E318" s="128"/>
      <c r="F318" s="128"/>
      <c r="G318" s="128"/>
      <c r="H318" s="128"/>
      <c r="I318" s="128"/>
      <c r="J318" s="128"/>
      <c r="K318" s="128"/>
      <c r="L318" s="128"/>
      <c r="M318" s="128"/>
      <c r="N318" s="128"/>
      <c r="O318" s="128"/>
      <c r="P318" s="128"/>
      <c r="Q318" s="128"/>
      <c r="R318" s="128"/>
      <c r="S318" s="128"/>
      <c r="T318" s="128"/>
      <c r="U318" s="128"/>
      <c r="V318" s="128"/>
      <c r="W318" s="128"/>
      <c r="X318" s="128"/>
    </row>
    <row r="319" spans="1:24" ht="15" customHeight="1">
      <c r="A319" s="87"/>
      <c r="B319" s="128"/>
      <c r="C319" s="128"/>
      <c r="D319" s="128"/>
      <c r="E319" s="128"/>
      <c r="F319" s="128"/>
      <c r="G319" s="128"/>
      <c r="H319" s="128"/>
      <c r="I319" s="128"/>
      <c r="J319" s="128"/>
      <c r="K319" s="128"/>
      <c r="L319" s="128"/>
      <c r="M319" s="128"/>
      <c r="N319" s="128"/>
      <c r="O319" s="128"/>
      <c r="P319" s="128"/>
      <c r="Q319" s="128"/>
      <c r="R319" s="128"/>
      <c r="S319" s="128"/>
      <c r="T319" s="128"/>
      <c r="U319" s="128"/>
      <c r="V319" s="128"/>
      <c r="W319" s="128"/>
      <c r="X319" s="128"/>
    </row>
    <row r="320" spans="1:24" ht="15" customHeight="1">
      <c r="A320" s="87"/>
      <c r="B320" s="128"/>
      <c r="C320" s="128"/>
      <c r="D320" s="128"/>
      <c r="E320" s="128"/>
      <c r="F320" s="128"/>
      <c r="G320" s="128"/>
      <c r="H320" s="128"/>
      <c r="I320" s="128"/>
      <c r="J320" s="128"/>
      <c r="K320" s="128"/>
      <c r="L320" s="128"/>
      <c r="M320" s="128"/>
      <c r="N320" s="128"/>
      <c r="O320" s="128"/>
      <c r="P320" s="128"/>
      <c r="Q320" s="128"/>
      <c r="R320" s="128"/>
      <c r="S320" s="128"/>
      <c r="T320" s="128"/>
      <c r="U320" s="128"/>
      <c r="V320" s="128"/>
      <c r="W320" s="128"/>
      <c r="X320" s="128"/>
    </row>
    <row r="321" spans="1:24" ht="15" customHeight="1">
      <c r="A321" s="87"/>
      <c r="B321" s="128"/>
      <c r="C321" s="128"/>
      <c r="D321" s="128"/>
      <c r="E321" s="128"/>
      <c r="F321" s="128"/>
      <c r="G321" s="128"/>
      <c r="H321" s="128"/>
      <c r="I321" s="128"/>
      <c r="J321" s="128"/>
      <c r="K321" s="128"/>
      <c r="L321" s="128"/>
      <c r="M321" s="128"/>
      <c r="N321" s="128"/>
      <c r="O321" s="128"/>
      <c r="P321" s="128"/>
      <c r="Q321" s="128"/>
      <c r="R321" s="128"/>
      <c r="S321" s="128"/>
      <c r="T321" s="128"/>
      <c r="U321" s="128"/>
      <c r="V321" s="128"/>
      <c r="W321" s="128"/>
      <c r="X321" s="128"/>
    </row>
    <row r="322" spans="1:24" ht="15" customHeight="1">
      <c r="A322" s="87"/>
      <c r="B322" s="128"/>
      <c r="C322" s="128"/>
      <c r="D322" s="128"/>
      <c r="E322" s="128"/>
      <c r="F322" s="128"/>
      <c r="G322" s="128"/>
      <c r="H322" s="128"/>
      <c r="I322" s="128"/>
      <c r="J322" s="128"/>
      <c r="K322" s="128"/>
      <c r="L322" s="128"/>
      <c r="M322" s="128"/>
      <c r="N322" s="128"/>
      <c r="O322" s="128"/>
      <c r="P322" s="128"/>
      <c r="Q322" s="128"/>
      <c r="R322" s="128"/>
      <c r="S322" s="128"/>
      <c r="T322" s="128"/>
      <c r="U322" s="128"/>
      <c r="V322" s="128"/>
      <c r="W322" s="128"/>
      <c r="X322" s="128"/>
    </row>
    <row r="323" spans="1:24" ht="15" customHeight="1">
      <c r="A323" s="87"/>
      <c r="B323" s="128"/>
      <c r="C323" s="128"/>
      <c r="D323" s="128"/>
      <c r="E323" s="128"/>
      <c r="F323" s="128"/>
      <c r="G323" s="128"/>
      <c r="H323" s="128"/>
      <c r="I323" s="128"/>
      <c r="J323" s="128"/>
      <c r="K323" s="128"/>
      <c r="L323" s="128"/>
      <c r="M323" s="128"/>
      <c r="N323" s="128"/>
      <c r="O323" s="128"/>
      <c r="P323" s="128"/>
      <c r="Q323" s="128"/>
      <c r="R323" s="128"/>
      <c r="S323" s="128"/>
      <c r="T323" s="128"/>
      <c r="U323" s="128"/>
      <c r="V323" s="128"/>
      <c r="W323" s="128"/>
      <c r="X323" s="128"/>
    </row>
    <row r="324" spans="1:24" ht="15" customHeight="1">
      <c r="A324" s="87"/>
      <c r="B324" s="128"/>
      <c r="C324" s="128"/>
      <c r="D324" s="128"/>
      <c r="E324" s="128"/>
      <c r="F324" s="128"/>
      <c r="G324" s="128"/>
      <c r="H324" s="128"/>
      <c r="I324" s="128"/>
      <c r="J324" s="128"/>
      <c r="K324" s="128"/>
      <c r="L324" s="128"/>
      <c r="M324" s="128"/>
      <c r="N324" s="128"/>
      <c r="O324" s="128"/>
      <c r="P324" s="128"/>
      <c r="Q324" s="128"/>
      <c r="R324" s="128"/>
      <c r="S324" s="128"/>
      <c r="T324" s="128"/>
      <c r="U324" s="128"/>
      <c r="V324" s="128"/>
      <c r="W324" s="128"/>
      <c r="X324" s="128"/>
    </row>
    <row r="325" spans="1:24" ht="15" customHeight="1">
      <c r="A325" s="87"/>
      <c r="B325" s="128"/>
      <c r="C325" s="128"/>
      <c r="D325" s="128"/>
      <c r="E325" s="128"/>
      <c r="F325" s="128"/>
      <c r="G325" s="128"/>
      <c r="H325" s="128"/>
      <c r="I325" s="128"/>
      <c r="J325" s="128"/>
      <c r="K325" s="128"/>
      <c r="L325" s="128"/>
      <c r="M325" s="128"/>
      <c r="N325" s="128"/>
      <c r="O325" s="128"/>
      <c r="P325" s="128"/>
      <c r="Q325" s="128"/>
      <c r="R325" s="128"/>
      <c r="S325" s="128"/>
      <c r="T325" s="128"/>
      <c r="U325" s="128"/>
      <c r="V325" s="128"/>
      <c r="W325" s="128"/>
      <c r="X325" s="128"/>
    </row>
    <row r="326" spans="1:24" ht="15" customHeight="1">
      <c r="A326" s="87"/>
      <c r="B326" s="128"/>
      <c r="C326" s="128"/>
      <c r="D326" s="128"/>
      <c r="E326" s="128"/>
      <c r="F326" s="128"/>
      <c r="G326" s="128"/>
      <c r="H326" s="128"/>
      <c r="I326" s="128"/>
      <c r="J326" s="128"/>
      <c r="K326" s="128"/>
      <c r="L326" s="128"/>
      <c r="M326" s="128"/>
      <c r="N326" s="128"/>
      <c r="O326" s="128"/>
      <c r="P326" s="128"/>
      <c r="Q326" s="128"/>
      <c r="R326" s="128"/>
      <c r="S326" s="128"/>
      <c r="T326" s="128"/>
      <c r="U326" s="128"/>
      <c r="V326" s="128"/>
      <c r="W326" s="128"/>
      <c r="X326" s="128"/>
    </row>
    <row r="327" spans="1:24" ht="15" customHeight="1">
      <c r="A327" s="87"/>
      <c r="B327" s="128"/>
      <c r="C327" s="128"/>
      <c r="D327" s="128"/>
      <c r="E327" s="128"/>
      <c r="F327" s="128"/>
      <c r="G327" s="128"/>
      <c r="H327" s="128"/>
      <c r="I327" s="128"/>
      <c r="J327" s="128"/>
      <c r="K327" s="128"/>
      <c r="L327" s="128"/>
      <c r="M327" s="128"/>
      <c r="N327" s="128"/>
      <c r="O327" s="128"/>
      <c r="P327" s="128"/>
      <c r="Q327" s="128"/>
      <c r="R327" s="128"/>
      <c r="S327" s="128"/>
      <c r="T327" s="128"/>
      <c r="U327" s="128"/>
      <c r="V327" s="128"/>
      <c r="W327" s="128"/>
      <c r="X327" s="128"/>
    </row>
    <row r="328" spans="1:24" ht="15" customHeight="1">
      <c r="A328" s="87"/>
      <c r="B328" s="128"/>
      <c r="C328" s="128"/>
      <c r="D328" s="128"/>
      <c r="E328" s="128"/>
      <c r="F328" s="128"/>
      <c r="G328" s="128"/>
      <c r="H328" s="128"/>
      <c r="I328" s="128"/>
      <c r="J328" s="128"/>
      <c r="K328" s="128"/>
      <c r="L328" s="128"/>
      <c r="M328" s="128"/>
      <c r="N328" s="128"/>
      <c r="O328" s="128"/>
      <c r="P328" s="128"/>
      <c r="Q328" s="128"/>
      <c r="R328" s="128"/>
      <c r="S328" s="128"/>
      <c r="T328" s="128"/>
      <c r="U328" s="128"/>
      <c r="V328" s="128"/>
      <c r="W328" s="128"/>
      <c r="X328" s="128"/>
    </row>
    <row r="329" spans="1:24" ht="15" customHeight="1">
      <c r="A329" s="87"/>
      <c r="B329" s="128"/>
      <c r="C329" s="128"/>
      <c r="D329" s="128"/>
      <c r="E329" s="128"/>
      <c r="F329" s="128"/>
      <c r="G329" s="128"/>
      <c r="H329" s="128"/>
      <c r="I329" s="128"/>
      <c r="J329" s="128"/>
      <c r="K329" s="128"/>
      <c r="L329" s="128"/>
      <c r="M329" s="128"/>
      <c r="N329" s="128"/>
      <c r="O329" s="128"/>
      <c r="P329" s="128"/>
      <c r="Q329" s="128"/>
      <c r="R329" s="128"/>
      <c r="S329" s="128"/>
      <c r="T329" s="128"/>
      <c r="U329" s="128"/>
      <c r="V329" s="128"/>
      <c r="W329" s="128"/>
      <c r="X329" s="128"/>
    </row>
    <row r="330" spans="1:24" ht="15" customHeight="1">
      <c r="A330" s="87"/>
      <c r="B330" s="128"/>
      <c r="C330" s="128"/>
      <c r="D330" s="128"/>
      <c r="E330" s="128"/>
      <c r="F330" s="128"/>
      <c r="G330" s="128"/>
      <c r="H330" s="128"/>
      <c r="I330" s="128"/>
      <c r="J330" s="128"/>
      <c r="K330" s="128"/>
      <c r="L330" s="128"/>
      <c r="M330" s="128"/>
      <c r="N330" s="128"/>
      <c r="O330" s="128"/>
      <c r="P330" s="128"/>
      <c r="Q330" s="128"/>
      <c r="R330" s="128"/>
      <c r="S330" s="128"/>
      <c r="T330" s="128"/>
      <c r="U330" s="128"/>
      <c r="V330" s="128"/>
      <c r="W330" s="128"/>
      <c r="X330" s="128"/>
    </row>
    <row r="331" spans="1:24" ht="15" customHeight="1">
      <c r="A331" s="87"/>
      <c r="B331" s="128"/>
      <c r="C331" s="128"/>
      <c r="D331" s="128"/>
      <c r="E331" s="128"/>
      <c r="F331" s="128"/>
      <c r="G331" s="128"/>
      <c r="H331" s="128"/>
      <c r="I331" s="128"/>
      <c r="J331" s="128"/>
      <c r="K331" s="128"/>
      <c r="L331" s="128"/>
      <c r="M331" s="128"/>
      <c r="N331" s="128"/>
      <c r="O331" s="128"/>
      <c r="P331" s="128"/>
      <c r="Q331" s="128"/>
      <c r="R331" s="128"/>
      <c r="S331" s="128"/>
      <c r="T331" s="128"/>
      <c r="U331" s="128"/>
      <c r="V331" s="128"/>
      <c r="W331" s="128"/>
      <c r="X331" s="128"/>
    </row>
    <row r="332" spans="1:24" ht="15" customHeight="1">
      <c r="A332" s="87"/>
      <c r="B332" s="128"/>
      <c r="C332" s="128"/>
      <c r="D332" s="128"/>
      <c r="E332" s="128"/>
      <c r="F332" s="128"/>
      <c r="G332" s="128"/>
      <c r="H332" s="128"/>
      <c r="I332" s="128"/>
      <c r="J332" s="128"/>
      <c r="K332" s="128"/>
      <c r="L332" s="128"/>
      <c r="M332" s="128"/>
      <c r="N332" s="128"/>
      <c r="O332" s="128"/>
      <c r="P332" s="128"/>
      <c r="Q332" s="128"/>
      <c r="R332" s="128"/>
      <c r="S332" s="128"/>
      <c r="T332" s="128"/>
      <c r="U332" s="128"/>
      <c r="V332" s="128"/>
      <c r="W332" s="128"/>
      <c r="X332" s="128"/>
    </row>
    <row r="333" spans="1:24" ht="15" customHeight="1">
      <c r="A333" s="87"/>
      <c r="B333" s="128"/>
      <c r="C333" s="128"/>
      <c r="D333" s="128"/>
      <c r="E333" s="128"/>
      <c r="F333" s="128"/>
      <c r="G333" s="128"/>
      <c r="H333" s="128"/>
      <c r="I333" s="128"/>
      <c r="J333" s="128"/>
      <c r="K333" s="128"/>
      <c r="L333" s="128"/>
      <c r="M333" s="128"/>
      <c r="N333" s="128"/>
      <c r="O333" s="128"/>
      <c r="P333" s="128"/>
      <c r="Q333" s="128"/>
      <c r="R333" s="128"/>
      <c r="S333" s="128"/>
      <c r="T333" s="128"/>
      <c r="U333" s="128"/>
      <c r="V333" s="128"/>
      <c r="W333" s="128"/>
      <c r="X333" s="128"/>
    </row>
    <row r="334" spans="1:24" ht="15" customHeight="1">
      <c r="A334" s="87"/>
      <c r="B334" s="128"/>
      <c r="C334" s="128"/>
      <c r="D334" s="128"/>
      <c r="E334" s="128"/>
      <c r="F334" s="128"/>
      <c r="G334" s="128"/>
      <c r="H334" s="128"/>
      <c r="I334" s="128"/>
      <c r="J334" s="128"/>
      <c r="K334" s="128"/>
      <c r="L334" s="128"/>
      <c r="M334" s="128"/>
      <c r="N334" s="128"/>
      <c r="O334" s="128"/>
      <c r="P334" s="128"/>
      <c r="Q334" s="128"/>
      <c r="R334" s="128"/>
      <c r="S334" s="128"/>
      <c r="T334" s="128"/>
      <c r="U334" s="128"/>
      <c r="V334" s="128"/>
      <c r="W334" s="128"/>
      <c r="X334" s="128"/>
    </row>
    <row r="335" spans="1:24" ht="15" customHeight="1">
      <c r="A335" s="87"/>
      <c r="B335" s="128"/>
      <c r="C335" s="128"/>
      <c r="D335" s="128"/>
      <c r="E335" s="128"/>
      <c r="F335" s="128"/>
      <c r="G335" s="128"/>
      <c r="H335" s="128"/>
      <c r="I335" s="128"/>
      <c r="J335" s="128"/>
      <c r="K335" s="128"/>
      <c r="L335" s="128"/>
      <c r="M335" s="128"/>
      <c r="N335" s="128"/>
      <c r="O335" s="128"/>
      <c r="P335" s="128"/>
      <c r="Q335" s="128"/>
      <c r="R335" s="128"/>
      <c r="S335" s="128"/>
      <c r="T335" s="128"/>
      <c r="U335" s="128"/>
      <c r="V335" s="128"/>
      <c r="W335" s="128"/>
      <c r="X335" s="128"/>
    </row>
    <row r="336" spans="1:24" ht="15" customHeight="1">
      <c r="A336" s="87"/>
      <c r="B336" s="128"/>
      <c r="C336" s="128"/>
      <c r="D336" s="128"/>
      <c r="E336" s="128"/>
      <c r="F336" s="128"/>
      <c r="G336" s="128"/>
      <c r="H336" s="128"/>
      <c r="I336" s="128"/>
      <c r="J336" s="128"/>
      <c r="K336" s="128"/>
      <c r="L336" s="128"/>
      <c r="M336" s="128"/>
      <c r="N336" s="128"/>
      <c r="O336" s="128"/>
      <c r="P336" s="128"/>
      <c r="Q336" s="128"/>
      <c r="R336" s="128"/>
      <c r="S336" s="128"/>
      <c r="T336" s="128"/>
      <c r="U336" s="128"/>
      <c r="V336" s="128"/>
      <c r="W336" s="128"/>
      <c r="X336" s="128"/>
    </row>
    <row r="337" spans="1:24" ht="15" customHeight="1">
      <c r="A337" s="87"/>
      <c r="B337" s="128"/>
      <c r="C337" s="128"/>
      <c r="D337" s="128"/>
      <c r="E337" s="128"/>
      <c r="F337" s="128"/>
      <c r="G337" s="128"/>
      <c r="H337" s="128"/>
      <c r="I337" s="128"/>
      <c r="J337" s="128"/>
      <c r="K337" s="128"/>
      <c r="L337" s="128"/>
      <c r="M337" s="128"/>
      <c r="N337" s="128"/>
      <c r="O337" s="128"/>
      <c r="P337" s="128"/>
      <c r="Q337" s="128"/>
      <c r="R337" s="128"/>
      <c r="S337" s="128"/>
      <c r="T337" s="128"/>
      <c r="U337" s="128"/>
      <c r="V337" s="128"/>
      <c r="W337" s="128"/>
      <c r="X337" s="128"/>
    </row>
    <row r="338" spans="1:24" ht="15" customHeight="1">
      <c r="A338" s="87"/>
      <c r="B338" s="128"/>
      <c r="C338" s="128"/>
      <c r="D338" s="128"/>
      <c r="E338" s="128"/>
      <c r="F338" s="128"/>
      <c r="G338" s="128"/>
      <c r="H338" s="128"/>
      <c r="I338" s="128"/>
      <c r="J338" s="128"/>
      <c r="K338" s="128"/>
      <c r="L338" s="128"/>
      <c r="M338" s="128"/>
      <c r="N338" s="128"/>
      <c r="O338" s="128"/>
      <c r="P338" s="128"/>
      <c r="Q338" s="128"/>
      <c r="R338" s="128"/>
      <c r="S338" s="128"/>
      <c r="T338" s="128"/>
      <c r="U338" s="128"/>
      <c r="V338" s="128"/>
      <c r="W338" s="128"/>
      <c r="X338" s="128"/>
    </row>
    <row r="339" spans="1:24" ht="15" customHeight="1">
      <c r="A339" s="87"/>
      <c r="B339" s="128"/>
      <c r="C339" s="128"/>
      <c r="D339" s="128"/>
      <c r="E339" s="128"/>
      <c r="F339" s="128"/>
      <c r="G339" s="128"/>
      <c r="H339" s="128"/>
      <c r="I339" s="128"/>
      <c r="J339" s="128"/>
      <c r="K339" s="128"/>
      <c r="L339" s="128"/>
      <c r="M339" s="128"/>
      <c r="N339" s="128"/>
      <c r="O339" s="128"/>
      <c r="P339" s="128"/>
      <c r="Q339" s="128"/>
      <c r="R339" s="128"/>
      <c r="S339" s="128"/>
      <c r="T339" s="128"/>
      <c r="U339" s="128"/>
      <c r="V339" s="128"/>
      <c r="W339" s="128"/>
      <c r="X339" s="128"/>
    </row>
    <row r="340" spans="1:24" ht="15" customHeight="1">
      <c r="A340" s="87"/>
      <c r="B340" s="128"/>
      <c r="C340" s="128"/>
      <c r="D340" s="128"/>
      <c r="E340" s="128"/>
      <c r="F340" s="128"/>
      <c r="G340" s="128"/>
      <c r="H340" s="128"/>
      <c r="I340" s="128"/>
      <c r="J340" s="128"/>
      <c r="K340" s="128"/>
      <c r="L340" s="128"/>
      <c r="M340" s="128"/>
      <c r="N340" s="128"/>
      <c r="O340" s="128"/>
      <c r="P340" s="128"/>
      <c r="Q340" s="128"/>
      <c r="R340" s="128"/>
      <c r="S340" s="128"/>
      <c r="T340" s="128"/>
      <c r="U340" s="128"/>
      <c r="V340" s="128"/>
      <c r="W340" s="128"/>
      <c r="X340" s="128"/>
    </row>
    <row r="341" spans="1:24" ht="15" customHeight="1">
      <c r="A341" s="87"/>
      <c r="B341" s="128"/>
      <c r="C341" s="128"/>
      <c r="D341" s="128"/>
      <c r="E341" s="128"/>
      <c r="F341" s="128"/>
      <c r="G341" s="128"/>
      <c r="H341" s="128"/>
      <c r="I341" s="128"/>
      <c r="J341" s="128"/>
      <c r="K341" s="128"/>
      <c r="L341" s="128"/>
      <c r="M341" s="128"/>
      <c r="N341" s="128"/>
      <c r="O341" s="128"/>
      <c r="P341" s="128"/>
      <c r="Q341" s="128"/>
      <c r="R341" s="128"/>
      <c r="S341" s="128"/>
      <c r="T341" s="128"/>
      <c r="U341" s="128"/>
      <c r="V341" s="128"/>
      <c r="W341" s="128"/>
      <c r="X341" s="128"/>
    </row>
    <row r="342" spans="1:24" ht="15" customHeight="1">
      <c r="A342" s="87"/>
      <c r="B342" s="128"/>
      <c r="C342" s="128"/>
      <c r="D342" s="128"/>
      <c r="E342" s="128"/>
      <c r="F342" s="128"/>
      <c r="G342" s="128"/>
      <c r="H342" s="128"/>
      <c r="I342" s="128"/>
      <c r="J342" s="128"/>
      <c r="K342" s="128"/>
      <c r="L342" s="128"/>
      <c r="M342" s="128"/>
      <c r="N342" s="128"/>
      <c r="O342" s="128"/>
      <c r="P342" s="128"/>
      <c r="Q342" s="128"/>
      <c r="R342" s="128"/>
      <c r="S342" s="128"/>
      <c r="T342" s="128"/>
      <c r="U342" s="128"/>
      <c r="V342" s="128"/>
      <c r="W342" s="128"/>
      <c r="X342" s="128"/>
    </row>
    <row r="343" spans="1:24" ht="15" customHeight="1">
      <c r="A343" s="87"/>
      <c r="B343" s="128"/>
      <c r="C343" s="128"/>
      <c r="D343" s="128"/>
      <c r="E343" s="128"/>
      <c r="F343" s="128"/>
      <c r="G343" s="128"/>
      <c r="H343" s="128"/>
      <c r="I343" s="128"/>
      <c r="J343" s="128"/>
      <c r="K343" s="128"/>
      <c r="L343" s="128"/>
      <c r="M343" s="128"/>
      <c r="N343" s="128"/>
      <c r="O343" s="128"/>
      <c r="P343" s="128"/>
      <c r="Q343" s="128"/>
      <c r="R343" s="128"/>
      <c r="S343" s="128"/>
      <c r="T343" s="128"/>
      <c r="U343" s="128"/>
      <c r="V343" s="128"/>
      <c r="W343" s="128"/>
      <c r="X343" s="128"/>
    </row>
    <row r="344" spans="1:24" ht="15" customHeight="1">
      <c r="A344" s="87"/>
      <c r="B344" s="128"/>
      <c r="C344" s="128"/>
      <c r="D344" s="128"/>
      <c r="E344" s="128"/>
      <c r="F344" s="128"/>
      <c r="G344" s="128"/>
      <c r="H344" s="128"/>
      <c r="I344" s="128"/>
      <c r="J344" s="128"/>
      <c r="K344" s="128"/>
      <c r="L344" s="128"/>
      <c r="M344" s="128"/>
      <c r="N344" s="128"/>
      <c r="O344" s="128"/>
      <c r="P344" s="128"/>
      <c r="Q344" s="128"/>
      <c r="R344" s="128"/>
      <c r="S344" s="128"/>
      <c r="T344" s="128"/>
      <c r="U344" s="128"/>
      <c r="V344" s="128"/>
      <c r="W344" s="128"/>
      <c r="X344" s="128"/>
    </row>
    <row r="345" spans="1:24" ht="15" customHeight="1">
      <c r="A345" s="87"/>
      <c r="B345" s="128"/>
      <c r="C345" s="128"/>
      <c r="D345" s="128"/>
      <c r="E345" s="128"/>
      <c r="F345" s="128"/>
      <c r="G345" s="128"/>
      <c r="H345" s="128"/>
      <c r="I345" s="128"/>
      <c r="J345" s="128"/>
      <c r="K345" s="128"/>
      <c r="L345" s="128"/>
      <c r="M345" s="128"/>
      <c r="N345" s="128"/>
      <c r="O345" s="128"/>
      <c r="P345" s="128"/>
      <c r="Q345" s="128"/>
      <c r="R345" s="128"/>
      <c r="S345" s="128"/>
      <c r="T345" s="128"/>
      <c r="U345" s="128"/>
      <c r="V345" s="128"/>
      <c r="W345" s="128"/>
      <c r="X345" s="128"/>
    </row>
    <row r="346" spans="1:24" ht="15" customHeight="1">
      <c r="A346" s="87"/>
      <c r="B346" s="128"/>
      <c r="C346" s="128"/>
      <c r="D346" s="128"/>
      <c r="E346" s="128"/>
      <c r="F346" s="128"/>
      <c r="G346" s="128"/>
      <c r="H346" s="128"/>
      <c r="I346" s="128"/>
      <c r="J346" s="128"/>
      <c r="K346" s="128"/>
      <c r="L346" s="128"/>
      <c r="M346" s="128"/>
      <c r="N346" s="128"/>
      <c r="O346" s="128"/>
      <c r="P346" s="128"/>
      <c r="Q346" s="128"/>
      <c r="R346" s="128"/>
      <c r="S346" s="128"/>
      <c r="T346" s="128"/>
      <c r="U346" s="128"/>
      <c r="V346" s="128"/>
      <c r="W346" s="128"/>
      <c r="X346" s="128"/>
    </row>
    <row r="347" spans="1:24" ht="15" customHeight="1">
      <c r="A347" s="87"/>
      <c r="B347" s="128"/>
      <c r="C347" s="128"/>
      <c r="D347" s="128"/>
      <c r="E347" s="128"/>
      <c r="F347" s="128"/>
      <c r="G347" s="128"/>
      <c r="H347" s="128"/>
      <c r="I347" s="128"/>
      <c r="J347" s="128"/>
      <c r="K347" s="128"/>
      <c r="L347" s="128"/>
      <c r="M347" s="128"/>
      <c r="N347" s="128"/>
      <c r="O347" s="128"/>
      <c r="P347" s="128"/>
      <c r="Q347" s="128"/>
      <c r="R347" s="128"/>
      <c r="S347" s="128"/>
      <c r="T347" s="128"/>
      <c r="U347" s="128"/>
      <c r="V347" s="128"/>
      <c r="W347" s="128"/>
      <c r="X347" s="128"/>
    </row>
    <row r="348" spans="1:24" ht="15" customHeight="1">
      <c r="A348" s="87"/>
      <c r="B348" s="128"/>
      <c r="C348" s="128"/>
      <c r="D348" s="128"/>
      <c r="E348" s="128"/>
      <c r="F348" s="128"/>
      <c r="G348" s="128"/>
      <c r="H348" s="128"/>
      <c r="I348" s="128"/>
      <c r="J348" s="128"/>
      <c r="K348" s="128"/>
      <c r="L348" s="128"/>
      <c r="M348" s="128"/>
      <c r="N348" s="128"/>
      <c r="O348" s="128"/>
      <c r="P348" s="128"/>
      <c r="Q348" s="128"/>
      <c r="R348" s="128"/>
      <c r="S348" s="128"/>
      <c r="T348" s="128"/>
      <c r="U348" s="128"/>
      <c r="V348" s="128"/>
      <c r="W348" s="128"/>
      <c r="X348" s="128"/>
    </row>
    <row r="349" spans="1:24" ht="15" customHeight="1">
      <c r="A349" s="87"/>
      <c r="B349" s="128"/>
      <c r="C349" s="128"/>
      <c r="D349" s="128"/>
      <c r="E349" s="128"/>
      <c r="F349" s="128"/>
      <c r="G349" s="128"/>
      <c r="H349" s="128"/>
      <c r="I349" s="128"/>
      <c r="J349" s="128"/>
      <c r="K349" s="128"/>
      <c r="L349" s="128"/>
      <c r="M349" s="128"/>
      <c r="N349" s="128"/>
      <c r="O349" s="128"/>
      <c r="P349" s="128"/>
      <c r="Q349" s="128"/>
      <c r="R349" s="128"/>
      <c r="S349" s="128"/>
      <c r="T349" s="128"/>
      <c r="U349" s="128"/>
      <c r="V349" s="128"/>
      <c r="W349" s="128"/>
      <c r="X349" s="128"/>
    </row>
    <row r="350" spans="1:24" ht="15" customHeight="1">
      <c r="A350" s="87"/>
      <c r="B350" s="128"/>
      <c r="C350" s="128"/>
      <c r="D350" s="128"/>
      <c r="E350" s="128"/>
      <c r="F350" s="128"/>
      <c r="G350" s="128"/>
      <c r="H350" s="128"/>
      <c r="I350" s="128"/>
      <c r="J350" s="128"/>
      <c r="K350" s="128"/>
      <c r="L350" s="128"/>
      <c r="M350" s="128"/>
      <c r="N350" s="128"/>
      <c r="O350" s="128"/>
      <c r="P350" s="128"/>
      <c r="Q350" s="128"/>
      <c r="R350" s="128"/>
      <c r="S350" s="128"/>
      <c r="T350" s="128"/>
      <c r="U350" s="128"/>
      <c r="V350" s="128"/>
      <c r="W350" s="128"/>
      <c r="X350" s="128"/>
    </row>
    <row r="351" spans="1:24" ht="15" customHeight="1">
      <c r="A351" s="87"/>
      <c r="B351" s="128"/>
      <c r="C351" s="128"/>
      <c r="D351" s="128"/>
      <c r="E351" s="128"/>
      <c r="F351" s="128"/>
      <c r="G351" s="128"/>
      <c r="H351" s="128"/>
      <c r="I351" s="128"/>
      <c r="J351" s="128"/>
      <c r="K351" s="128"/>
      <c r="L351" s="128"/>
      <c r="M351" s="128"/>
      <c r="N351" s="128"/>
      <c r="O351" s="128"/>
      <c r="P351" s="128"/>
      <c r="Q351" s="128"/>
      <c r="R351" s="128"/>
      <c r="S351" s="128"/>
      <c r="T351" s="128"/>
      <c r="U351" s="128"/>
      <c r="V351" s="128"/>
      <c r="W351" s="128"/>
      <c r="X351" s="128"/>
    </row>
    <row r="352" spans="1:24" ht="15" customHeight="1">
      <c r="A352" s="87"/>
      <c r="B352" s="128"/>
      <c r="C352" s="128"/>
      <c r="D352" s="128"/>
      <c r="E352" s="128"/>
      <c r="F352" s="128"/>
      <c r="G352" s="128"/>
      <c r="H352" s="128"/>
      <c r="I352" s="128"/>
      <c r="J352" s="128"/>
      <c r="K352" s="128"/>
      <c r="L352" s="128"/>
      <c r="M352" s="128"/>
      <c r="N352" s="128"/>
      <c r="O352" s="128"/>
      <c r="P352" s="128"/>
      <c r="Q352" s="128"/>
      <c r="R352" s="128"/>
      <c r="S352" s="128"/>
      <c r="T352" s="128"/>
      <c r="U352" s="128"/>
      <c r="V352" s="128"/>
      <c r="W352" s="128"/>
      <c r="X352" s="128"/>
    </row>
    <row r="353" spans="1:24" ht="15" customHeight="1">
      <c r="A353" s="87"/>
      <c r="B353" s="128"/>
      <c r="C353" s="128"/>
      <c r="D353" s="128"/>
      <c r="E353" s="128"/>
      <c r="F353" s="128"/>
      <c r="G353" s="128"/>
      <c r="H353" s="128"/>
      <c r="I353" s="128"/>
      <c r="J353" s="128"/>
      <c r="K353" s="128"/>
      <c r="L353" s="128"/>
      <c r="M353" s="128"/>
      <c r="N353" s="128"/>
      <c r="O353" s="128"/>
      <c r="P353" s="128"/>
      <c r="Q353" s="128"/>
      <c r="R353" s="128"/>
      <c r="S353" s="128"/>
      <c r="T353" s="128"/>
      <c r="U353" s="128"/>
      <c r="V353" s="128"/>
      <c r="W353" s="128"/>
      <c r="X353" s="128"/>
    </row>
    <row r="354" spans="1:24" ht="15" customHeight="1">
      <c r="A354" s="87"/>
      <c r="B354" s="128"/>
      <c r="C354" s="128"/>
      <c r="D354" s="128"/>
      <c r="E354" s="128"/>
      <c r="F354" s="128"/>
      <c r="G354" s="128"/>
      <c r="H354" s="128"/>
      <c r="I354" s="128"/>
      <c r="J354" s="128"/>
      <c r="K354" s="128"/>
      <c r="L354" s="128"/>
      <c r="M354" s="128"/>
      <c r="N354" s="128"/>
      <c r="O354" s="128"/>
      <c r="P354" s="128"/>
      <c r="Q354" s="128"/>
      <c r="R354" s="128"/>
      <c r="S354" s="128"/>
      <c r="T354" s="128"/>
      <c r="U354" s="128"/>
      <c r="V354" s="128"/>
      <c r="W354" s="128"/>
      <c r="X354" s="128"/>
    </row>
    <row r="355" spans="1:24" ht="15" customHeight="1">
      <c r="A355" s="87"/>
      <c r="B355" s="128"/>
      <c r="C355" s="128"/>
      <c r="D355" s="128"/>
      <c r="E355" s="128"/>
      <c r="F355" s="128"/>
      <c r="G355" s="128"/>
      <c r="H355" s="128"/>
      <c r="I355" s="128"/>
      <c r="J355" s="128"/>
      <c r="K355" s="128"/>
      <c r="L355" s="128"/>
      <c r="M355" s="128"/>
      <c r="N355" s="128"/>
      <c r="O355" s="128"/>
      <c r="P355" s="128"/>
      <c r="Q355" s="128"/>
      <c r="R355" s="128"/>
      <c r="S355" s="128"/>
      <c r="T355" s="128"/>
      <c r="U355" s="128"/>
      <c r="V355" s="128"/>
      <c r="W355" s="128"/>
      <c r="X355" s="128"/>
    </row>
    <row r="356" spans="1:24" ht="15" customHeight="1">
      <c r="A356" s="87"/>
      <c r="B356" s="128"/>
      <c r="C356" s="128"/>
      <c r="D356" s="128"/>
      <c r="E356" s="128"/>
      <c r="F356" s="128"/>
      <c r="G356" s="128"/>
      <c r="H356" s="128"/>
      <c r="I356" s="128"/>
      <c r="J356" s="128"/>
      <c r="K356" s="128"/>
      <c r="L356" s="128"/>
      <c r="M356" s="128"/>
      <c r="N356" s="128"/>
      <c r="O356" s="128"/>
      <c r="P356" s="128"/>
      <c r="Q356" s="128"/>
      <c r="R356" s="128"/>
      <c r="S356" s="128"/>
      <c r="T356" s="128"/>
      <c r="U356" s="128"/>
      <c r="V356" s="128"/>
      <c r="W356" s="128"/>
      <c r="X356" s="128"/>
    </row>
    <row r="357" spans="1:24" ht="15" customHeight="1">
      <c r="A357" s="87"/>
      <c r="B357" s="128"/>
      <c r="C357" s="128"/>
      <c r="D357" s="128"/>
      <c r="E357" s="128"/>
      <c r="F357" s="128"/>
      <c r="G357" s="128"/>
      <c r="H357" s="128"/>
      <c r="I357" s="128"/>
      <c r="J357" s="128"/>
      <c r="K357" s="128"/>
      <c r="L357" s="128"/>
      <c r="M357" s="128"/>
      <c r="N357" s="128"/>
      <c r="O357" s="128"/>
      <c r="P357" s="128"/>
      <c r="Q357" s="128"/>
      <c r="R357" s="128"/>
      <c r="S357" s="128"/>
      <c r="T357" s="128"/>
      <c r="U357" s="128"/>
      <c r="V357" s="128"/>
      <c r="W357" s="128"/>
      <c r="X357" s="128"/>
    </row>
    <row r="358" spans="1:24" ht="15" customHeight="1">
      <c r="A358" s="87"/>
      <c r="B358" s="128"/>
      <c r="C358" s="128"/>
      <c r="D358" s="128"/>
      <c r="E358" s="128"/>
      <c r="F358" s="128"/>
      <c r="G358" s="128"/>
      <c r="H358" s="128"/>
      <c r="I358" s="128"/>
      <c r="J358" s="128"/>
      <c r="K358" s="128"/>
      <c r="L358" s="128"/>
      <c r="M358" s="128"/>
      <c r="N358" s="128"/>
      <c r="O358" s="128"/>
      <c r="P358" s="128"/>
      <c r="Q358" s="128"/>
      <c r="R358" s="128"/>
      <c r="S358" s="128"/>
      <c r="T358" s="128"/>
      <c r="U358" s="128"/>
      <c r="V358" s="128"/>
      <c r="W358" s="128"/>
      <c r="X358" s="128"/>
    </row>
    <row r="359" spans="1:24" ht="15" customHeight="1">
      <c r="A359" s="87"/>
      <c r="B359" s="128"/>
      <c r="C359" s="128"/>
      <c r="D359" s="128"/>
      <c r="E359" s="128"/>
      <c r="F359" s="128"/>
      <c r="G359" s="128"/>
      <c r="H359" s="128"/>
      <c r="I359" s="128"/>
      <c r="J359" s="128"/>
      <c r="K359" s="128"/>
      <c r="L359" s="128"/>
      <c r="M359" s="128"/>
      <c r="N359" s="128"/>
      <c r="O359" s="128"/>
      <c r="P359" s="128"/>
      <c r="Q359" s="128"/>
      <c r="R359" s="128"/>
      <c r="S359" s="128"/>
      <c r="T359" s="128"/>
      <c r="U359" s="128"/>
      <c r="V359" s="128"/>
      <c r="W359" s="128"/>
      <c r="X359" s="128"/>
    </row>
    <row r="360" spans="1:24" ht="15" customHeight="1">
      <c r="A360" s="87"/>
      <c r="B360" s="128"/>
      <c r="C360" s="128"/>
      <c r="D360" s="128"/>
      <c r="E360" s="128"/>
      <c r="F360" s="128"/>
      <c r="G360" s="128"/>
      <c r="H360" s="128"/>
      <c r="I360" s="128"/>
      <c r="J360" s="128"/>
      <c r="K360" s="128"/>
      <c r="L360" s="128"/>
      <c r="M360" s="128"/>
      <c r="N360" s="128"/>
      <c r="O360" s="128"/>
      <c r="P360" s="128"/>
      <c r="Q360" s="128"/>
      <c r="R360" s="128"/>
      <c r="S360" s="128"/>
      <c r="T360" s="128"/>
      <c r="U360" s="128"/>
      <c r="V360" s="128"/>
      <c r="W360" s="128"/>
      <c r="X360" s="128"/>
    </row>
    <row r="361" spans="1:24" ht="15" customHeight="1">
      <c r="A361" s="87"/>
      <c r="B361" s="128"/>
      <c r="C361" s="128"/>
      <c r="D361" s="128"/>
      <c r="E361" s="128"/>
      <c r="F361" s="128"/>
      <c r="G361" s="128"/>
      <c r="H361" s="128"/>
      <c r="I361" s="128"/>
      <c r="J361" s="128"/>
      <c r="K361" s="128"/>
      <c r="L361" s="128"/>
      <c r="M361" s="128"/>
      <c r="N361" s="128"/>
      <c r="O361" s="128"/>
      <c r="P361" s="128"/>
      <c r="Q361" s="128"/>
      <c r="R361" s="128"/>
      <c r="S361" s="128"/>
      <c r="T361" s="128"/>
      <c r="U361" s="128"/>
      <c r="V361" s="128"/>
      <c r="W361" s="128"/>
      <c r="X361" s="128"/>
    </row>
    <row r="362" spans="1:24" ht="15" customHeight="1">
      <c r="A362" s="87"/>
      <c r="B362" s="128"/>
      <c r="C362" s="128"/>
      <c r="D362" s="128"/>
      <c r="E362" s="128"/>
      <c r="F362" s="128"/>
      <c r="G362" s="128"/>
      <c r="H362" s="128"/>
      <c r="I362" s="128"/>
      <c r="J362" s="128"/>
      <c r="K362" s="128"/>
      <c r="L362" s="128"/>
      <c r="M362" s="128"/>
      <c r="N362" s="128"/>
      <c r="O362" s="128"/>
      <c r="P362" s="128"/>
      <c r="Q362" s="128"/>
      <c r="R362" s="128"/>
      <c r="S362" s="128"/>
      <c r="T362" s="128"/>
      <c r="U362" s="128"/>
      <c r="V362" s="128"/>
      <c r="W362" s="128"/>
      <c r="X362" s="128"/>
    </row>
    <row r="363" spans="1:24" ht="15" customHeight="1">
      <c r="A363" s="87"/>
      <c r="B363" s="128"/>
      <c r="C363" s="128"/>
      <c r="D363" s="128"/>
      <c r="E363" s="128"/>
      <c r="F363" s="128"/>
      <c r="G363" s="128"/>
      <c r="H363" s="128"/>
      <c r="I363" s="128"/>
      <c r="J363" s="128"/>
      <c r="K363" s="128"/>
      <c r="L363" s="128"/>
      <c r="M363" s="128"/>
      <c r="N363" s="128"/>
      <c r="O363" s="128"/>
      <c r="P363" s="128"/>
      <c r="Q363" s="128"/>
      <c r="R363" s="128"/>
      <c r="S363" s="128"/>
      <c r="T363" s="128"/>
      <c r="U363" s="128"/>
      <c r="V363" s="128"/>
      <c r="W363" s="128"/>
      <c r="X363" s="128"/>
    </row>
    <row r="364" spans="1:24" ht="15" customHeight="1">
      <c r="A364" s="87"/>
      <c r="B364" s="128"/>
      <c r="C364" s="128"/>
      <c r="D364" s="128"/>
      <c r="E364" s="128"/>
      <c r="F364" s="128"/>
      <c r="G364" s="128"/>
      <c r="H364" s="128"/>
      <c r="I364" s="128"/>
      <c r="J364" s="128"/>
      <c r="K364" s="128"/>
      <c r="L364" s="128"/>
      <c r="M364" s="128"/>
      <c r="N364" s="128"/>
      <c r="O364" s="128"/>
      <c r="P364" s="128"/>
      <c r="Q364" s="128"/>
      <c r="R364" s="128"/>
      <c r="S364" s="128"/>
      <c r="T364" s="128"/>
      <c r="U364" s="128"/>
      <c r="V364" s="128"/>
      <c r="W364" s="128"/>
      <c r="X364" s="128"/>
    </row>
    <row r="365" spans="1:24" ht="15" customHeight="1">
      <c r="A365" s="87"/>
      <c r="B365" s="128"/>
      <c r="C365" s="128"/>
      <c r="D365" s="128"/>
      <c r="E365" s="128"/>
      <c r="F365" s="128"/>
      <c r="G365" s="128"/>
      <c r="H365" s="128"/>
      <c r="I365" s="128"/>
      <c r="J365" s="128"/>
      <c r="K365" s="128"/>
      <c r="L365" s="128"/>
      <c r="M365" s="128"/>
      <c r="N365" s="128"/>
      <c r="O365" s="128"/>
      <c r="P365" s="128"/>
      <c r="Q365" s="128"/>
      <c r="R365" s="128"/>
      <c r="S365" s="128"/>
      <c r="T365" s="128"/>
      <c r="U365" s="128"/>
      <c r="V365" s="128"/>
      <c r="W365" s="128"/>
      <c r="X365" s="128"/>
    </row>
    <row r="366" spans="1:24" ht="15" customHeight="1">
      <c r="A366" s="87"/>
      <c r="B366" s="128"/>
      <c r="C366" s="128"/>
      <c r="D366" s="128"/>
      <c r="E366" s="128"/>
      <c r="F366" s="128"/>
      <c r="G366" s="128"/>
      <c r="H366" s="128"/>
      <c r="I366" s="128"/>
      <c r="J366" s="128"/>
      <c r="K366" s="128"/>
      <c r="L366" s="128"/>
      <c r="M366" s="128"/>
      <c r="N366" s="128"/>
      <c r="O366" s="128"/>
      <c r="P366" s="128"/>
      <c r="Q366" s="128"/>
      <c r="R366" s="128"/>
      <c r="S366" s="128"/>
      <c r="T366" s="128"/>
      <c r="U366" s="128"/>
      <c r="V366" s="128"/>
      <c r="W366" s="128"/>
      <c r="X366" s="128"/>
    </row>
    <row r="367" spans="1:24" ht="15" customHeight="1">
      <c r="A367" s="87"/>
      <c r="B367" s="128"/>
      <c r="C367" s="128"/>
      <c r="D367" s="128"/>
      <c r="E367" s="128"/>
      <c r="F367" s="128"/>
      <c r="G367" s="128"/>
      <c r="H367" s="128"/>
      <c r="I367" s="128"/>
      <c r="J367" s="128"/>
      <c r="K367" s="128"/>
      <c r="L367" s="128"/>
      <c r="M367" s="128"/>
      <c r="N367" s="128"/>
      <c r="O367" s="128"/>
      <c r="P367" s="128"/>
      <c r="Q367" s="128"/>
      <c r="R367" s="128"/>
      <c r="S367" s="128"/>
      <c r="T367" s="128"/>
      <c r="U367" s="128"/>
      <c r="V367" s="128"/>
      <c r="W367" s="128"/>
      <c r="X367" s="128"/>
    </row>
    <row r="368" spans="1:24" ht="15" customHeight="1">
      <c r="A368" s="87"/>
      <c r="B368" s="128"/>
      <c r="C368" s="128"/>
      <c r="D368" s="128"/>
      <c r="E368" s="128"/>
      <c r="F368" s="128"/>
      <c r="G368" s="128"/>
      <c r="H368" s="128"/>
      <c r="I368" s="128"/>
      <c r="J368" s="128"/>
      <c r="K368" s="128"/>
      <c r="L368" s="128"/>
      <c r="M368" s="128"/>
      <c r="N368" s="128"/>
      <c r="O368" s="128"/>
      <c r="P368" s="128"/>
      <c r="Q368" s="128"/>
      <c r="R368" s="128"/>
      <c r="S368" s="128"/>
      <c r="T368" s="128"/>
      <c r="U368" s="128"/>
      <c r="V368" s="128"/>
      <c r="W368" s="128"/>
      <c r="X368" s="128"/>
    </row>
    <row r="369" spans="1:24" ht="15" customHeight="1">
      <c r="A369" s="87"/>
      <c r="B369" s="128"/>
      <c r="C369" s="128"/>
      <c r="D369" s="128"/>
      <c r="E369" s="128"/>
      <c r="F369" s="128"/>
      <c r="G369" s="128"/>
      <c r="H369" s="128"/>
      <c r="I369" s="128"/>
      <c r="J369" s="128"/>
      <c r="K369" s="128"/>
      <c r="L369" s="128"/>
      <c r="M369" s="128"/>
      <c r="N369" s="128"/>
      <c r="O369" s="128"/>
      <c r="P369" s="128"/>
      <c r="Q369" s="128"/>
      <c r="R369" s="128"/>
      <c r="S369" s="128"/>
      <c r="T369" s="128"/>
      <c r="U369" s="128"/>
      <c r="V369" s="128"/>
      <c r="W369" s="128"/>
      <c r="X369" s="128"/>
    </row>
    <row r="370" spans="1:24" ht="15" customHeight="1">
      <c r="A370" s="87"/>
      <c r="B370" s="128"/>
      <c r="C370" s="128"/>
      <c r="D370" s="128"/>
      <c r="E370" s="128"/>
      <c r="F370" s="128"/>
      <c r="G370" s="128"/>
      <c r="H370" s="128"/>
      <c r="I370" s="128"/>
      <c r="J370" s="128"/>
      <c r="K370" s="128"/>
      <c r="L370" s="128"/>
      <c r="M370" s="128"/>
      <c r="N370" s="128"/>
      <c r="O370" s="128"/>
      <c r="P370" s="128"/>
      <c r="Q370" s="128"/>
      <c r="R370" s="128"/>
      <c r="S370" s="128"/>
      <c r="T370" s="128"/>
      <c r="U370" s="128"/>
      <c r="V370" s="128"/>
      <c r="W370" s="128"/>
      <c r="X370" s="128"/>
    </row>
    <row r="371" spans="1:24" ht="15" customHeight="1">
      <c r="A371" s="87"/>
      <c r="B371" s="128"/>
      <c r="C371" s="128"/>
      <c r="D371" s="128"/>
      <c r="E371" s="128"/>
      <c r="F371" s="128"/>
      <c r="G371" s="128"/>
      <c r="H371" s="128"/>
      <c r="I371" s="128"/>
      <c r="J371" s="128"/>
      <c r="K371" s="128"/>
      <c r="L371" s="128"/>
      <c r="M371" s="128"/>
      <c r="N371" s="128"/>
      <c r="O371" s="128"/>
      <c r="P371" s="128"/>
      <c r="Q371" s="128"/>
      <c r="R371" s="128"/>
      <c r="S371" s="128"/>
      <c r="T371" s="128"/>
      <c r="U371" s="128"/>
      <c r="V371" s="128"/>
      <c r="W371" s="128"/>
      <c r="X371" s="128"/>
    </row>
    <row r="372" spans="1:24" ht="15" customHeight="1">
      <c r="A372" s="87"/>
      <c r="B372" s="128"/>
      <c r="C372" s="128"/>
      <c r="D372" s="128"/>
      <c r="E372" s="128"/>
      <c r="F372" s="128"/>
      <c r="G372" s="128"/>
      <c r="H372" s="128"/>
      <c r="I372" s="128"/>
      <c r="J372" s="128"/>
      <c r="K372" s="128"/>
      <c r="L372" s="128"/>
      <c r="M372" s="128"/>
      <c r="N372" s="128"/>
      <c r="O372" s="128"/>
      <c r="P372" s="128"/>
      <c r="Q372" s="128"/>
      <c r="R372" s="128"/>
      <c r="S372" s="128"/>
      <c r="T372" s="128"/>
      <c r="U372" s="128"/>
      <c r="V372" s="128"/>
      <c r="W372" s="128"/>
      <c r="X372" s="128"/>
    </row>
    <row r="373" spans="1:24" ht="15" customHeight="1">
      <c r="A373" s="87"/>
      <c r="B373" s="128"/>
      <c r="C373" s="128"/>
      <c r="D373" s="128"/>
      <c r="E373" s="128"/>
      <c r="F373" s="128"/>
      <c r="G373" s="128"/>
      <c r="H373" s="128"/>
      <c r="I373" s="128"/>
      <c r="J373" s="128"/>
      <c r="K373" s="128"/>
      <c r="L373" s="128"/>
      <c r="M373" s="128"/>
      <c r="N373" s="128"/>
      <c r="O373" s="128"/>
      <c r="P373" s="128"/>
      <c r="Q373" s="128"/>
      <c r="R373" s="128"/>
      <c r="S373" s="128"/>
      <c r="T373" s="128"/>
      <c r="U373" s="128"/>
      <c r="V373" s="128"/>
      <c r="W373" s="128"/>
      <c r="X373" s="128"/>
    </row>
    <row r="374" spans="1:24" ht="15" customHeight="1">
      <c r="A374" s="87"/>
      <c r="B374" s="128"/>
      <c r="C374" s="128"/>
      <c r="D374" s="128"/>
      <c r="E374" s="128"/>
      <c r="F374" s="128"/>
      <c r="G374" s="128"/>
      <c r="H374" s="128"/>
      <c r="I374" s="128"/>
      <c r="J374" s="128"/>
      <c r="K374" s="128"/>
      <c r="L374" s="128"/>
      <c r="M374" s="128"/>
      <c r="N374" s="128"/>
      <c r="O374" s="128"/>
      <c r="P374" s="128"/>
      <c r="Q374" s="128"/>
      <c r="R374" s="128"/>
      <c r="S374" s="128"/>
      <c r="T374" s="128"/>
      <c r="U374" s="128"/>
      <c r="V374" s="128"/>
      <c r="W374" s="128"/>
      <c r="X374" s="128"/>
    </row>
    <row r="375" spans="1:24" ht="15" customHeight="1">
      <c r="A375" s="87"/>
      <c r="B375" s="128"/>
      <c r="C375" s="128"/>
      <c r="D375" s="128"/>
      <c r="E375" s="128"/>
      <c r="F375" s="128"/>
      <c r="G375" s="128"/>
      <c r="H375" s="128"/>
      <c r="I375" s="128"/>
      <c r="J375" s="128"/>
      <c r="K375" s="128"/>
      <c r="L375" s="128"/>
      <c r="M375" s="128"/>
      <c r="N375" s="128"/>
      <c r="O375" s="128"/>
      <c r="P375" s="128"/>
      <c r="Q375" s="128"/>
      <c r="R375" s="128"/>
      <c r="S375" s="128"/>
      <c r="T375" s="128"/>
      <c r="U375" s="128"/>
      <c r="V375" s="128"/>
      <c r="W375" s="128"/>
      <c r="X375" s="128"/>
    </row>
    <row r="376" spans="1:24" ht="15" customHeight="1">
      <c r="A376" s="87"/>
      <c r="B376" s="128"/>
      <c r="C376" s="128"/>
      <c r="D376" s="128"/>
      <c r="E376" s="128"/>
      <c r="F376" s="128"/>
      <c r="G376" s="128"/>
      <c r="H376" s="128"/>
      <c r="I376" s="128"/>
      <c r="J376" s="128"/>
      <c r="K376" s="128"/>
      <c r="L376" s="128"/>
      <c r="M376" s="128"/>
      <c r="N376" s="128"/>
      <c r="O376" s="128"/>
      <c r="P376" s="128"/>
      <c r="Q376" s="128"/>
      <c r="R376" s="128"/>
      <c r="S376" s="128"/>
      <c r="T376" s="128"/>
      <c r="U376" s="128"/>
      <c r="V376" s="128"/>
      <c r="W376" s="128"/>
      <c r="X376" s="128"/>
    </row>
    <row r="377" spans="1:24" ht="15" customHeight="1">
      <c r="A377" s="87"/>
      <c r="B377" s="128"/>
      <c r="C377" s="128"/>
      <c r="D377" s="128"/>
      <c r="E377" s="128"/>
      <c r="F377" s="128"/>
      <c r="G377" s="128"/>
      <c r="H377" s="128"/>
      <c r="I377" s="128"/>
      <c r="J377" s="128"/>
      <c r="K377" s="128"/>
      <c r="L377" s="128"/>
      <c r="M377" s="128"/>
      <c r="N377" s="128"/>
      <c r="O377" s="128"/>
      <c r="P377" s="128"/>
      <c r="Q377" s="128"/>
      <c r="R377" s="128"/>
      <c r="S377" s="128"/>
      <c r="T377" s="128"/>
      <c r="U377" s="128"/>
      <c r="V377" s="128"/>
      <c r="W377" s="128"/>
      <c r="X377" s="128"/>
    </row>
    <row r="378" spans="1:24" ht="15" customHeight="1">
      <c r="A378" s="87"/>
      <c r="B378" s="128"/>
      <c r="C378" s="128"/>
      <c r="D378" s="128"/>
      <c r="E378" s="128"/>
      <c r="F378" s="128"/>
      <c r="G378" s="128"/>
      <c r="H378" s="128"/>
      <c r="I378" s="128"/>
      <c r="J378" s="128"/>
      <c r="K378" s="128"/>
      <c r="L378" s="128"/>
      <c r="M378" s="128"/>
      <c r="N378" s="128"/>
      <c r="O378" s="128"/>
      <c r="P378" s="128"/>
      <c r="Q378" s="128"/>
      <c r="R378" s="128"/>
      <c r="S378" s="128"/>
      <c r="T378" s="128"/>
      <c r="U378" s="128"/>
      <c r="V378" s="128"/>
      <c r="W378" s="128"/>
      <c r="X378" s="128"/>
    </row>
    <row r="379" spans="1:24" ht="15" customHeight="1">
      <c r="A379" s="87"/>
      <c r="B379" s="128"/>
      <c r="C379" s="128"/>
      <c r="D379" s="128"/>
      <c r="E379" s="128"/>
      <c r="F379" s="128"/>
      <c r="G379" s="128"/>
      <c r="H379" s="128"/>
      <c r="I379" s="128"/>
      <c r="J379" s="128"/>
      <c r="K379" s="128"/>
      <c r="L379" s="128"/>
      <c r="M379" s="128"/>
      <c r="N379" s="128"/>
      <c r="O379" s="128"/>
      <c r="P379" s="128"/>
      <c r="Q379" s="128"/>
      <c r="R379" s="128"/>
      <c r="S379" s="128"/>
      <c r="T379" s="128"/>
      <c r="U379" s="128"/>
      <c r="V379" s="128"/>
      <c r="W379" s="128"/>
      <c r="X379" s="128"/>
    </row>
    <row r="380" spans="1:24" ht="15" customHeight="1">
      <c r="A380" s="87"/>
      <c r="B380" s="128"/>
      <c r="C380" s="128"/>
      <c r="D380" s="128"/>
      <c r="E380" s="128"/>
      <c r="F380" s="128"/>
      <c r="G380" s="128"/>
      <c r="H380" s="128"/>
      <c r="I380" s="128"/>
      <c r="J380" s="128"/>
      <c r="K380" s="128"/>
      <c r="L380" s="128"/>
      <c r="M380" s="128"/>
      <c r="N380" s="128"/>
      <c r="O380" s="128"/>
      <c r="P380" s="128"/>
      <c r="Q380" s="128"/>
      <c r="R380" s="128"/>
      <c r="S380" s="128"/>
      <c r="T380" s="128"/>
      <c r="U380" s="128"/>
      <c r="V380" s="128"/>
      <c r="W380" s="128"/>
      <c r="X380" s="128"/>
    </row>
    <row r="381" spans="1:24" ht="15" customHeight="1">
      <c r="A381" s="87"/>
      <c r="B381" s="128"/>
      <c r="C381" s="128"/>
      <c r="D381" s="128"/>
      <c r="E381" s="128"/>
      <c r="F381" s="128"/>
      <c r="G381" s="128"/>
      <c r="H381" s="128"/>
      <c r="I381" s="128"/>
      <c r="J381" s="128"/>
      <c r="K381" s="128"/>
      <c r="L381" s="128"/>
      <c r="M381" s="128"/>
      <c r="N381" s="128"/>
      <c r="O381" s="128"/>
      <c r="P381" s="128"/>
      <c r="Q381" s="128"/>
      <c r="R381" s="128"/>
      <c r="S381" s="128"/>
      <c r="T381" s="128"/>
      <c r="U381" s="128"/>
      <c r="V381" s="128"/>
      <c r="W381" s="128"/>
      <c r="X381" s="128"/>
    </row>
    <row r="382" spans="1:24" ht="15" customHeight="1">
      <c r="A382" s="87"/>
      <c r="B382" s="128"/>
      <c r="C382" s="128"/>
      <c r="D382" s="128"/>
      <c r="E382" s="128"/>
      <c r="F382" s="128"/>
      <c r="G382" s="128"/>
      <c r="H382" s="128"/>
      <c r="I382" s="128"/>
      <c r="J382" s="128"/>
      <c r="K382" s="128"/>
      <c r="L382" s="128"/>
      <c r="M382" s="128"/>
      <c r="N382" s="128"/>
      <c r="O382" s="128"/>
      <c r="P382" s="128"/>
      <c r="Q382" s="128"/>
      <c r="R382" s="128"/>
      <c r="S382" s="128"/>
      <c r="T382" s="128"/>
      <c r="U382" s="128"/>
      <c r="V382" s="128"/>
      <c r="W382" s="128"/>
      <c r="X382" s="128"/>
    </row>
    <row r="383" spans="1:24" ht="15" customHeight="1">
      <c r="A383" s="87"/>
      <c r="B383" s="128"/>
      <c r="C383" s="128"/>
      <c r="D383" s="128"/>
      <c r="E383" s="128"/>
      <c r="F383" s="128"/>
      <c r="G383" s="128"/>
      <c r="H383" s="128"/>
      <c r="I383" s="128"/>
      <c r="J383" s="128"/>
      <c r="K383" s="128"/>
      <c r="L383" s="128"/>
      <c r="M383" s="128"/>
      <c r="N383" s="128"/>
      <c r="O383" s="128"/>
      <c r="P383" s="128"/>
      <c r="Q383" s="128"/>
      <c r="R383" s="128"/>
      <c r="S383" s="128"/>
      <c r="T383" s="128"/>
      <c r="U383" s="128"/>
      <c r="V383" s="128"/>
      <c r="W383" s="128"/>
      <c r="X383" s="128"/>
    </row>
    <row r="384" spans="1:24" ht="15" customHeight="1">
      <c r="A384" s="87"/>
      <c r="B384" s="128"/>
      <c r="C384" s="128"/>
      <c r="D384" s="128"/>
      <c r="E384" s="128"/>
      <c r="F384" s="128"/>
      <c r="G384" s="128"/>
      <c r="H384" s="128"/>
      <c r="I384" s="128"/>
      <c r="J384" s="128"/>
      <c r="K384" s="128"/>
      <c r="L384" s="128"/>
      <c r="M384" s="128"/>
      <c r="N384" s="128"/>
      <c r="O384" s="128"/>
      <c r="P384" s="128"/>
      <c r="Q384" s="128"/>
      <c r="R384" s="128"/>
      <c r="S384" s="128"/>
      <c r="T384" s="128"/>
      <c r="U384" s="128"/>
      <c r="V384" s="128"/>
      <c r="W384" s="128"/>
      <c r="X384" s="128"/>
    </row>
    <row r="385" spans="1:24" ht="15" customHeight="1">
      <c r="A385" s="87"/>
      <c r="B385" s="128"/>
      <c r="C385" s="128"/>
      <c r="D385" s="128"/>
      <c r="E385" s="128"/>
      <c r="F385" s="128"/>
      <c r="G385" s="128"/>
      <c r="H385" s="128"/>
      <c r="I385" s="128"/>
      <c r="J385" s="128"/>
      <c r="K385" s="128"/>
      <c r="L385" s="128"/>
      <c r="M385" s="128"/>
      <c r="N385" s="128"/>
      <c r="O385" s="128"/>
      <c r="P385" s="128"/>
      <c r="Q385" s="128"/>
      <c r="R385" s="128"/>
      <c r="S385" s="128"/>
      <c r="T385" s="128"/>
      <c r="U385" s="128"/>
      <c r="V385" s="128"/>
      <c r="W385" s="128"/>
      <c r="X385" s="128"/>
    </row>
    <row r="386" spans="1:24" ht="15" customHeight="1">
      <c r="A386" s="87"/>
      <c r="B386" s="128"/>
      <c r="C386" s="128"/>
      <c r="D386" s="128"/>
      <c r="E386" s="128"/>
      <c r="F386" s="128"/>
      <c r="G386" s="128"/>
      <c r="H386" s="128"/>
      <c r="I386" s="128"/>
      <c r="J386" s="128"/>
      <c r="K386" s="128"/>
      <c r="L386" s="128"/>
      <c r="M386" s="128"/>
      <c r="N386" s="128"/>
      <c r="O386" s="128"/>
      <c r="P386" s="128"/>
      <c r="Q386" s="128"/>
      <c r="R386" s="128"/>
      <c r="S386" s="128"/>
      <c r="T386" s="128"/>
      <c r="U386" s="128"/>
      <c r="V386" s="128"/>
      <c r="W386" s="128"/>
      <c r="X386" s="128"/>
    </row>
    <row r="387" spans="1:24" ht="15" customHeight="1">
      <c r="A387" s="87"/>
      <c r="B387" s="128"/>
      <c r="C387" s="128"/>
      <c r="D387" s="128"/>
      <c r="E387" s="128"/>
      <c r="F387" s="128"/>
      <c r="G387" s="128"/>
      <c r="H387" s="128"/>
      <c r="I387" s="128"/>
      <c r="J387" s="128"/>
      <c r="K387" s="128"/>
      <c r="L387" s="128"/>
      <c r="M387" s="128"/>
      <c r="N387" s="128"/>
      <c r="O387" s="128"/>
      <c r="P387" s="128"/>
      <c r="Q387" s="128"/>
      <c r="R387" s="128"/>
      <c r="S387" s="128"/>
      <c r="T387" s="128"/>
      <c r="U387" s="128"/>
      <c r="V387" s="128"/>
      <c r="W387" s="128"/>
      <c r="X387" s="128"/>
    </row>
    <row r="388" spans="1:24" ht="15" customHeight="1">
      <c r="A388" s="87"/>
      <c r="B388" s="128"/>
      <c r="C388" s="128"/>
      <c r="D388" s="128"/>
      <c r="E388" s="128"/>
      <c r="F388" s="128"/>
      <c r="G388" s="128"/>
      <c r="H388" s="128"/>
      <c r="I388" s="128"/>
      <c r="J388" s="128"/>
      <c r="K388" s="128"/>
      <c r="L388" s="128"/>
      <c r="M388" s="128"/>
      <c r="N388" s="128"/>
      <c r="O388" s="128"/>
      <c r="P388" s="128"/>
      <c r="Q388" s="128"/>
      <c r="R388" s="128"/>
      <c r="S388" s="128"/>
      <c r="T388" s="128"/>
      <c r="U388" s="128"/>
      <c r="V388" s="128"/>
      <c r="W388" s="128"/>
      <c r="X388" s="128"/>
    </row>
    <row r="389" spans="1:24" ht="15" customHeight="1">
      <c r="A389" s="87"/>
      <c r="B389" s="128"/>
      <c r="C389" s="128"/>
      <c r="D389" s="128"/>
      <c r="E389" s="128"/>
      <c r="F389" s="128"/>
      <c r="G389" s="128"/>
      <c r="H389" s="128"/>
      <c r="I389" s="128"/>
      <c r="J389" s="128"/>
      <c r="K389" s="128"/>
      <c r="L389" s="128"/>
      <c r="M389" s="128"/>
      <c r="N389" s="128"/>
      <c r="O389" s="128"/>
      <c r="P389" s="128"/>
      <c r="Q389" s="128"/>
      <c r="R389" s="128"/>
      <c r="S389" s="128"/>
      <c r="T389" s="128"/>
      <c r="U389" s="128"/>
      <c r="V389" s="128"/>
      <c r="W389" s="128"/>
      <c r="X389" s="128"/>
    </row>
    <row r="390" spans="1:24" ht="15" customHeight="1">
      <c r="A390" s="87"/>
      <c r="B390" s="128"/>
      <c r="C390" s="128"/>
      <c r="D390" s="128"/>
      <c r="E390" s="128"/>
      <c r="F390" s="128"/>
      <c r="G390" s="128"/>
      <c r="H390" s="128"/>
      <c r="I390" s="128"/>
      <c r="J390" s="128"/>
      <c r="K390" s="128"/>
      <c r="L390" s="128"/>
      <c r="M390" s="128"/>
      <c r="N390" s="128"/>
      <c r="O390" s="128"/>
      <c r="P390" s="128"/>
      <c r="Q390" s="128"/>
      <c r="R390" s="128"/>
      <c r="S390" s="128"/>
      <c r="T390" s="128"/>
      <c r="U390" s="128"/>
      <c r="V390" s="128"/>
      <c r="W390" s="128"/>
      <c r="X390" s="128"/>
    </row>
    <row r="391" spans="1:24" ht="15" customHeight="1">
      <c r="A391" s="87"/>
      <c r="B391" s="128"/>
      <c r="C391" s="128"/>
      <c r="D391" s="128"/>
      <c r="E391" s="128"/>
      <c r="F391" s="128"/>
      <c r="G391" s="128"/>
      <c r="H391" s="128"/>
      <c r="I391" s="128"/>
      <c r="J391" s="128"/>
      <c r="K391" s="128"/>
      <c r="L391" s="128"/>
      <c r="M391" s="128"/>
      <c r="N391" s="128"/>
      <c r="O391" s="128"/>
      <c r="P391" s="128"/>
      <c r="Q391" s="128"/>
      <c r="R391" s="128"/>
      <c r="S391" s="128"/>
      <c r="T391" s="128"/>
      <c r="U391" s="128"/>
      <c r="V391" s="128"/>
      <c r="W391" s="128"/>
      <c r="X391" s="128"/>
    </row>
    <row r="392" spans="1:24" ht="15" customHeight="1">
      <c r="A392" s="87"/>
      <c r="B392" s="128"/>
      <c r="C392" s="128"/>
      <c r="D392" s="128"/>
      <c r="E392" s="128"/>
      <c r="F392" s="128"/>
      <c r="G392" s="128"/>
      <c r="H392" s="128"/>
      <c r="I392" s="128"/>
      <c r="J392" s="128"/>
      <c r="K392" s="128"/>
      <c r="L392" s="128"/>
      <c r="M392" s="128"/>
      <c r="N392" s="128"/>
      <c r="O392" s="128"/>
      <c r="P392" s="128"/>
      <c r="Q392" s="128"/>
      <c r="R392" s="128"/>
      <c r="S392" s="128"/>
      <c r="T392" s="128"/>
      <c r="U392" s="128"/>
      <c r="V392" s="128"/>
      <c r="W392" s="128"/>
      <c r="X392" s="128"/>
    </row>
    <row r="393" spans="1:24" ht="15" customHeight="1">
      <c r="A393" s="87"/>
      <c r="B393" s="128"/>
      <c r="C393" s="128"/>
      <c r="D393" s="128"/>
      <c r="E393" s="128"/>
      <c r="F393" s="128"/>
      <c r="G393" s="128"/>
      <c r="H393" s="128"/>
      <c r="I393" s="128"/>
      <c r="J393" s="128"/>
      <c r="K393" s="128"/>
      <c r="L393" s="128"/>
      <c r="M393" s="128"/>
      <c r="N393" s="128"/>
      <c r="O393" s="128"/>
      <c r="P393" s="128"/>
      <c r="Q393" s="128"/>
      <c r="R393" s="128"/>
      <c r="S393" s="128"/>
      <c r="T393" s="128"/>
      <c r="U393" s="128"/>
      <c r="V393" s="128"/>
      <c r="W393" s="128"/>
      <c r="X393" s="128"/>
    </row>
    <row r="394" spans="1:24" ht="15" customHeight="1">
      <c r="A394" s="87"/>
      <c r="B394" s="128"/>
      <c r="C394" s="128"/>
      <c r="D394" s="128"/>
      <c r="E394" s="128"/>
      <c r="F394" s="128"/>
      <c r="G394" s="128"/>
      <c r="H394" s="128"/>
      <c r="I394" s="128"/>
      <c r="J394" s="128"/>
      <c r="K394" s="128"/>
      <c r="L394" s="128"/>
      <c r="M394" s="128"/>
      <c r="N394" s="128"/>
      <c r="O394" s="128"/>
      <c r="P394" s="128"/>
      <c r="Q394" s="128"/>
      <c r="R394" s="128"/>
      <c r="S394" s="128"/>
      <c r="T394" s="128"/>
      <c r="U394" s="128"/>
      <c r="V394" s="128"/>
      <c r="W394" s="128"/>
      <c r="X394" s="128"/>
    </row>
    <row r="395" spans="1:24" ht="15" customHeight="1">
      <c r="A395" s="87"/>
      <c r="B395" s="128"/>
      <c r="C395" s="128"/>
      <c r="D395" s="128"/>
      <c r="E395" s="128"/>
      <c r="F395" s="128"/>
      <c r="G395" s="128"/>
      <c r="H395" s="128"/>
      <c r="I395" s="128"/>
      <c r="J395" s="128"/>
      <c r="K395" s="128"/>
      <c r="L395" s="128"/>
      <c r="M395" s="128"/>
      <c r="N395" s="128"/>
      <c r="O395" s="128"/>
      <c r="P395" s="128"/>
      <c r="Q395" s="128"/>
      <c r="R395" s="128"/>
      <c r="S395" s="128"/>
      <c r="T395" s="128"/>
      <c r="U395" s="128"/>
      <c r="V395" s="128"/>
      <c r="W395" s="128"/>
      <c r="X395" s="128"/>
    </row>
    <row r="396" spans="1:24" ht="15" customHeight="1">
      <c r="A396" s="87"/>
      <c r="B396" s="128"/>
      <c r="C396" s="128"/>
      <c r="D396" s="128"/>
      <c r="E396" s="128"/>
      <c r="F396" s="128"/>
      <c r="G396" s="128"/>
      <c r="H396" s="128"/>
      <c r="I396" s="128"/>
      <c r="J396" s="128"/>
      <c r="K396" s="128"/>
      <c r="L396" s="128"/>
      <c r="M396" s="128"/>
      <c r="N396" s="128"/>
      <c r="O396" s="128"/>
      <c r="P396" s="128"/>
      <c r="Q396" s="128"/>
      <c r="R396" s="128"/>
      <c r="S396" s="128"/>
      <c r="T396" s="128"/>
      <c r="U396" s="128"/>
      <c r="V396" s="128"/>
      <c r="W396" s="128"/>
      <c r="X396" s="128"/>
    </row>
    <row r="397" spans="1:24" ht="15" customHeight="1">
      <c r="A397" s="87"/>
      <c r="B397" s="128"/>
      <c r="C397" s="128"/>
      <c r="D397" s="128"/>
      <c r="E397" s="128"/>
      <c r="F397" s="128"/>
      <c r="G397" s="128"/>
      <c r="H397" s="128"/>
      <c r="I397" s="128"/>
      <c r="J397" s="128"/>
      <c r="K397" s="128"/>
      <c r="L397" s="128"/>
      <c r="M397" s="128"/>
      <c r="N397" s="128"/>
      <c r="O397" s="128"/>
      <c r="P397" s="128"/>
      <c r="Q397" s="128"/>
      <c r="R397" s="128"/>
      <c r="S397" s="128"/>
      <c r="T397" s="128"/>
      <c r="U397" s="128"/>
      <c r="V397" s="128"/>
      <c r="W397" s="128"/>
      <c r="X397" s="128"/>
    </row>
    <row r="398" spans="1:24" ht="15" customHeight="1">
      <c r="A398" s="87"/>
      <c r="B398" s="128"/>
      <c r="C398" s="128"/>
      <c r="D398" s="128"/>
      <c r="E398" s="128"/>
      <c r="F398" s="128"/>
      <c r="G398" s="128"/>
      <c r="H398" s="128"/>
      <c r="I398" s="128"/>
      <c r="J398" s="128"/>
      <c r="K398" s="128"/>
      <c r="L398" s="128"/>
      <c r="M398" s="128"/>
      <c r="N398" s="128"/>
      <c r="O398" s="128"/>
      <c r="P398" s="128"/>
      <c r="Q398" s="128"/>
      <c r="R398" s="128"/>
      <c r="S398" s="128"/>
      <c r="T398" s="128"/>
      <c r="U398" s="128"/>
      <c r="V398" s="128"/>
      <c r="W398" s="128"/>
      <c r="X398" s="128"/>
    </row>
    <row r="399" spans="1:24" ht="15" customHeight="1">
      <c r="A399" s="87"/>
      <c r="B399" s="128"/>
      <c r="C399" s="128"/>
      <c r="D399" s="128"/>
      <c r="E399" s="128"/>
      <c r="F399" s="128"/>
      <c r="G399" s="128"/>
      <c r="H399" s="128"/>
      <c r="I399" s="128"/>
      <c r="J399" s="128"/>
      <c r="K399" s="128"/>
      <c r="L399" s="128"/>
      <c r="M399" s="128"/>
      <c r="N399" s="128"/>
      <c r="O399" s="128"/>
      <c r="P399" s="128"/>
      <c r="Q399" s="128"/>
      <c r="R399" s="128"/>
      <c r="S399" s="128"/>
      <c r="T399" s="128"/>
      <c r="U399" s="128"/>
      <c r="V399" s="128"/>
      <c r="W399" s="128"/>
      <c r="X399" s="128"/>
    </row>
    <row r="400" spans="1:24" ht="15" customHeight="1">
      <c r="A400" s="87"/>
      <c r="B400" s="128"/>
      <c r="C400" s="128"/>
      <c r="D400" s="128"/>
      <c r="E400" s="128"/>
      <c r="F400" s="128"/>
      <c r="G400" s="128"/>
      <c r="H400" s="128"/>
      <c r="I400" s="128"/>
      <c r="J400" s="128"/>
      <c r="K400" s="128"/>
      <c r="L400" s="128"/>
      <c r="M400" s="128"/>
      <c r="N400" s="128"/>
      <c r="O400" s="128"/>
      <c r="P400" s="128"/>
      <c r="Q400" s="128"/>
      <c r="R400" s="128"/>
      <c r="S400" s="128"/>
      <c r="T400" s="128"/>
      <c r="U400" s="128"/>
      <c r="V400" s="128"/>
      <c r="W400" s="128"/>
      <c r="X400" s="128"/>
    </row>
    <row r="401" spans="1:24" ht="15" customHeight="1">
      <c r="A401" s="87"/>
      <c r="B401" s="128"/>
      <c r="C401" s="128"/>
      <c r="D401" s="128"/>
      <c r="E401" s="128"/>
      <c r="F401" s="128"/>
      <c r="G401" s="128"/>
      <c r="H401" s="128"/>
      <c r="I401" s="128"/>
      <c r="J401" s="128"/>
      <c r="K401" s="128"/>
      <c r="L401" s="128"/>
      <c r="M401" s="128"/>
      <c r="N401" s="128"/>
      <c r="O401" s="128"/>
      <c r="P401" s="128"/>
      <c r="Q401" s="128"/>
      <c r="R401" s="128"/>
      <c r="S401" s="128"/>
      <c r="T401" s="128"/>
      <c r="U401" s="128"/>
      <c r="V401" s="128"/>
      <c r="W401" s="128"/>
      <c r="X401" s="128"/>
    </row>
    <row r="402" spans="1:24" ht="15" customHeight="1">
      <c r="A402" s="87"/>
      <c r="B402" s="128"/>
      <c r="C402" s="128"/>
      <c r="D402" s="128"/>
      <c r="E402" s="128"/>
      <c r="F402" s="128"/>
      <c r="G402" s="128"/>
      <c r="H402" s="128"/>
      <c r="I402" s="128"/>
      <c r="J402" s="128"/>
      <c r="K402" s="128"/>
      <c r="L402" s="128"/>
      <c r="M402" s="128"/>
      <c r="N402" s="128"/>
      <c r="O402" s="128"/>
      <c r="P402" s="128"/>
      <c r="Q402" s="128"/>
      <c r="R402" s="128"/>
      <c r="S402" s="128"/>
      <c r="T402" s="128"/>
      <c r="U402" s="128"/>
      <c r="V402" s="128"/>
      <c r="W402" s="128"/>
      <c r="X402" s="128"/>
    </row>
    <row r="403" spans="1:24" ht="15" customHeight="1">
      <c r="A403" s="87"/>
      <c r="B403" s="128"/>
      <c r="C403" s="128"/>
      <c r="D403" s="128"/>
      <c r="E403" s="128"/>
      <c r="F403" s="128"/>
      <c r="G403" s="128"/>
      <c r="H403" s="128"/>
      <c r="I403" s="128"/>
      <c r="J403" s="128"/>
      <c r="K403" s="128"/>
      <c r="L403" s="128"/>
      <c r="M403" s="128"/>
      <c r="N403" s="128"/>
      <c r="O403" s="128"/>
      <c r="P403" s="128"/>
      <c r="Q403" s="128"/>
      <c r="R403" s="128"/>
      <c r="S403" s="128"/>
      <c r="T403" s="128"/>
      <c r="U403" s="128"/>
      <c r="V403" s="128"/>
      <c r="W403" s="128"/>
      <c r="X403" s="128"/>
    </row>
    <row r="404" spans="1:24" ht="15" customHeight="1">
      <c r="A404" s="87"/>
      <c r="B404" s="128"/>
      <c r="C404" s="128"/>
      <c r="D404" s="128"/>
      <c r="E404" s="128"/>
      <c r="F404" s="128"/>
      <c r="G404" s="128"/>
      <c r="H404" s="128"/>
      <c r="I404" s="128"/>
      <c r="J404" s="128"/>
      <c r="K404" s="128"/>
      <c r="L404" s="128"/>
      <c r="M404" s="128"/>
      <c r="N404" s="128"/>
      <c r="O404" s="128"/>
      <c r="P404" s="128"/>
      <c r="Q404" s="128"/>
      <c r="R404" s="128"/>
      <c r="S404" s="128"/>
      <c r="T404" s="128"/>
      <c r="U404" s="128"/>
      <c r="V404" s="128"/>
      <c r="W404" s="128"/>
      <c r="X404" s="128"/>
    </row>
    <row r="405" spans="1:24" ht="15" customHeight="1">
      <c r="A405" s="87"/>
      <c r="B405" s="128"/>
      <c r="C405" s="128"/>
      <c r="D405" s="128"/>
      <c r="E405" s="128"/>
      <c r="F405" s="128"/>
      <c r="G405" s="128"/>
      <c r="H405" s="128"/>
      <c r="I405" s="128"/>
      <c r="J405" s="128"/>
      <c r="K405" s="128"/>
      <c r="L405" s="128"/>
      <c r="M405" s="128"/>
      <c r="N405" s="128"/>
      <c r="O405" s="128"/>
      <c r="P405" s="128"/>
      <c r="Q405" s="128"/>
      <c r="R405" s="128"/>
      <c r="S405" s="128"/>
      <c r="T405" s="128"/>
      <c r="U405" s="128"/>
      <c r="V405" s="128"/>
      <c r="W405" s="128"/>
      <c r="X405" s="128"/>
    </row>
    <row r="406" spans="1:24" ht="15" customHeight="1">
      <c r="A406" s="87"/>
      <c r="B406" s="128"/>
      <c r="C406" s="128"/>
      <c r="D406" s="128"/>
      <c r="E406" s="128"/>
      <c r="F406" s="128"/>
      <c r="G406" s="128"/>
      <c r="H406" s="128"/>
      <c r="I406" s="128"/>
      <c r="J406" s="128"/>
      <c r="K406" s="128"/>
      <c r="L406" s="128"/>
      <c r="M406" s="128"/>
      <c r="N406" s="128"/>
      <c r="O406" s="128"/>
      <c r="P406" s="128"/>
      <c r="Q406" s="128"/>
      <c r="R406" s="128"/>
      <c r="S406" s="128"/>
      <c r="T406" s="128"/>
      <c r="U406" s="128"/>
      <c r="V406" s="128"/>
      <c r="W406" s="128"/>
      <c r="X406" s="128"/>
    </row>
    <row r="407" spans="1:24" ht="15" customHeight="1">
      <c r="A407" s="87"/>
      <c r="B407" s="128"/>
      <c r="C407" s="128"/>
      <c r="D407" s="128"/>
      <c r="E407" s="128"/>
      <c r="F407" s="128"/>
      <c r="G407" s="128"/>
      <c r="H407" s="128"/>
      <c r="I407" s="128"/>
      <c r="J407" s="128"/>
      <c r="K407" s="128"/>
      <c r="L407" s="128"/>
      <c r="M407" s="128"/>
      <c r="N407" s="128"/>
      <c r="O407" s="128"/>
      <c r="P407" s="128"/>
      <c r="Q407" s="128"/>
      <c r="R407" s="128"/>
      <c r="S407" s="128"/>
      <c r="T407" s="128"/>
      <c r="U407" s="128"/>
      <c r="V407" s="128"/>
      <c r="W407" s="128"/>
      <c r="X407" s="128"/>
    </row>
    <row r="408" spans="1:24" ht="15" customHeight="1">
      <c r="A408" s="87"/>
      <c r="B408" s="128"/>
      <c r="C408" s="128"/>
      <c r="D408" s="128"/>
      <c r="E408" s="128"/>
      <c r="F408" s="128"/>
      <c r="G408" s="128"/>
      <c r="H408" s="128"/>
      <c r="I408" s="128"/>
      <c r="J408" s="128"/>
      <c r="K408" s="128"/>
      <c r="L408" s="128"/>
      <c r="M408" s="128"/>
      <c r="N408" s="128"/>
      <c r="O408" s="128"/>
      <c r="P408" s="128"/>
      <c r="Q408" s="128"/>
      <c r="R408" s="128"/>
      <c r="S408" s="128"/>
      <c r="T408" s="128"/>
      <c r="U408" s="128"/>
      <c r="V408" s="128"/>
      <c r="W408" s="128"/>
      <c r="X408" s="128"/>
    </row>
    <row r="409" spans="1:24" ht="15" customHeight="1">
      <c r="A409" s="87"/>
      <c r="B409" s="128"/>
      <c r="C409" s="128"/>
      <c r="D409" s="128"/>
      <c r="E409" s="128"/>
      <c r="F409" s="128"/>
      <c r="G409" s="128"/>
      <c r="H409" s="128"/>
      <c r="I409" s="128"/>
      <c r="J409" s="128"/>
      <c r="K409" s="128"/>
      <c r="L409" s="128"/>
      <c r="M409" s="128"/>
      <c r="N409" s="128"/>
      <c r="O409" s="128"/>
      <c r="P409" s="128"/>
      <c r="Q409" s="128"/>
      <c r="R409" s="128"/>
      <c r="S409" s="128"/>
      <c r="T409" s="128"/>
      <c r="U409" s="128"/>
      <c r="V409" s="128"/>
      <c r="W409" s="128"/>
      <c r="X409" s="128"/>
    </row>
    <row r="410" spans="1:24" ht="15" customHeight="1">
      <c r="A410" s="87"/>
      <c r="B410" s="128"/>
      <c r="C410" s="128"/>
      <c r="D410" s="128"/>
      <c r="E410" s="128"/>
      <c r="F410" s="128"/>
      <c r="G410" s="128"/>
      <c r="H410" s="128"/>
      <c r="I410" s="128"/>
      <c r="J410" s="128"/>
      <c r="K410" s="128"/>
      <c r="L410" s="128"/>
      <c r="M410" s="128"/>
      <c r="N410" s="128"/>
      <c r="O410" s="128"/>
      <c r="P410" s="128"/>
      <c r="Q410" s="128"/>
      <c r="R410" s="128"/>
      <c r="S410" s="128"/>
      <c r="T410" s="128"/>
      <c r="U410" s="128"/>
      <c r="V410" s="128"/>
      <c r="W410" s="128"/>
      <c r="X410" s="128"/>
    </row>
    <row r="411" spans="1:24" ht="15" customHeight="1">
      <c r="A411" s="87"/>
      <c r="B411" s="128"/>
      <c r="C411" s="128"/>
      <c r="D411" s="128"/>
      <c r="E411" s="128"/>
      <c r="F411" s="128"/>
      <c r="G411" s="128"/>
      <c r="H411" s="128"/>
      <c r="I411" s="128"/>
      <c r="J411" s="128"/>
      <c r="K411" s="128"/>
      <c r="L411" s="128"/>
      <c r="M411" s="128"/>
      <c r="N411" s="128"/>
      <c r="O411" s="128"/>
      <c r="P411" s="128"/>
      <c r="Q411" s="128"/>
      <c r="R411" s="128"/>
      <c r="S411" s="128"/>
      <c r="T411" s="128"/>
      <c r="U411" s="128"/>
      <c r="V411" s="128"/>
      <c r="W411" s="128"/>
      <c r="X411" s="128"/>
    </row>
    <row r="412" spans="1:24" ht="15" customHeight="1">
      <c r="A412" s="87"/>
      <c r="B412" s="128"/>
      <c r="C412" s="128"/>
      <c r="D412" s="128"/>
      <c r="E412" s="128"/>
      <c r="F412" s="128"/>
      <c r="G412" s="128"/>
      <c r="H412" s="128"/>
      <c r="I412" s="128"/>
      <c r="J412" s="128"/>
      <c r="K412" s="128"/>
      <c r="L412" s="128"/>
      <c r="M412" s="128"/>
      <c r="N412" s="128"/>
      <c r="O412" s="128"/>
      <c r="P412" s="128"/>
      <c r="Q412" s="128"/>
      <c r="R412" s="128"/>
      <c r="S412" s="128"/>
      <c r="T412" s="128"/>
      <c r="U412" s="128"/>
      <c r="V412" s="128"/>
      <c r="W412" s="128"/>
      <c r="X412" s="128"/>
    </row>
    <row r="413" spans="1:24" ht="15" customHeight="1">
      <c r="A413" s="87"/>
      <c r="B413" s="128"/>
      <c r="C413" s="128"/>
      <c r="D413" s="128"/>
      <c r="E413" s="128"/>
      <c r="F413" s="128"/>
      <c r="G413" s="128"/>
      <c r="H413" s="128"/>
      <c r="I413" s="128"/>
      <c r="J413" s="128"/>
      <c r="K413" s="128"/>
      <c r="L413" s="128"/>
      <c r="M413" s="128"/>
      <c r="N413" s="128"/>
      <c r="O413" s="128"/>
      <c r="P413" s="128"/>
      <c r="Q413" s="128"/>
      <c r="R413" s="128"/>
      <c r="S413" s="128"/>
      <c r="T413" s="128"/>
      <c r="U413" s="128"/>
      <c r="V413" s="128"/>
      <c r="W413" s="128"/>
      <c r="X413" s="128"/>
    </row>
    <row r="414" spans="1:24" ht="15" customHeight="1">
      <c r="A414" s="87"/>
      <c r="B414" s="128"/>
      <c r="C414" s="128"/>
      <c r="D414" s="128"/>
      <c r="E414" s="128"/>
      <c r="F414" s="128"/>
      <c r="G414" s="128"/>
      <c r="H414" s="128"/>
      <c r="I414" s="128"/>
      <c r="J414" s="128"/>
      <c r="K414" s="128"/>
      <c r="L414" s="128"/>
      <c r="M414" s="128"/>
      <c r="N414" s="128"/>
      <c r="O414" s="128"/>
      <c r="P414" s="128"/>
      <c r="Q414" s="128"/>
      <c r="R414" s="128"/>
      <c r="S414" s="128"/>
      <c r="T414" s="128"/>
      <c r="U414" s="128"/>
      <c r="V414" s="128"/>
      <c r="W414" s="128"/>
      <c r="X414" s="128"/>
    </row>
    <row r="415" spans="1:24" ht="15" customHeight="1">
      <c r="A415" s="87"/>
      <c r="B415" s="128"/>
      <c r="C415" s="128"/>
      <c r="D415" s="128"/>
      <c r="E415" s="128"/>
      <c r="F415" s="128"/>
      <c r="G415" s="128"/>
      <c r="H415" s="128"/>
      <c r="I415" s="128"/>
      <c r="J415" s="128"/>
      <c r="K415" s="128"/>
      <c r="L415" s="128"/>
      <c r="M415" s="128"/>
      <c r="N415" s="128"/>
      <c r="O415" s="128"/>
      <c r="P415" s="128"/>
      <c r="Q415" s="128"/>
      <c r="R415" s="128"/>
      <c r="S415" s="128"/>
      <c r="T415" s="128"/>
      <c r="U415" s="128"/>
      <c r="V415" s="128"/>
      <c r="W415" s="128"/>
      <c r="X415" s="128"/>
    </row>
    <row r="416" spans="1:24" ht="15" customHeight="1">
      <c r="A416" s="87"/>
      <c r="B416" s="128"/>
      <c r="C416" s="128"/>
      <c r="D416" s="128"/>
      <c r="E416" s="128"/>
      <c r="F416" s="128"/>
      <c r="G416" s="128"/>
      <c r="H416" s="128"/>
      <c r="I416" s="128"/>
      <c r="J416" s="128"/>
      <c r="K416" s="128"/>
      <c r="L416" s="128"/>
      <c r="M416" s="128"/>
      <c r="N416" s="128"/>
      <c r="O416" s="128"/>
      <c r="P416" s="128"/>
      <c r="Q416" s="128"/>
      <c r="R416" s="128"/>
      <c r="S416" s="128"/>
      <c r="T416" s="128"/>
      <c r="U416" s="128"/>
      <c r="V416" s="128"/>
      <c r="W416" s="128"/>
      <c r="X416" s="128"/>
    </row>
    <row r="417" spans="1:24" ht="15" customHeight="1">
      <c r="A417" s="87"/>
      <c r="B417" s="128"/>
      <c r="C417" s="128"/>
      <c r="D417" s="128"/>
      <c r="E417" s="128"/>
      <c r="F417" s="128"/>
      <c r="G417" s="128"/>
      <c r="H417" s="128"/>
      <c r="I417" s="128"/>
      <c r="J417" s="128"/>
      <c r="K417" s="128"/>
      <c r="L417" s="128"/>
      <c r="M417" s="128"/>
      <c r="N417" s="128"/>
      <c r="O417" s="128"/>
      <c r="P417" s="128"/>
      <c r="Q417" s="128"/>
      <c r="R417" s="128"/>
      <c r="S417" s="128"/>
      <c r="T417" s="128"/>
      <c r="U417" s="128"/>
      <c r="V417" s="128"/>
      <c r="W417" s="128"/>
      <c r="X417" s="128"/>
    </row>
    <row r="418" spans="1:24" ht="15" customHeight="1">
      <c r="A418" s="87"/>
      <c r="B418" s="128"/>
      <c r="C418" s="128"/>
      <c r="D418" s="128"/>
      <c r="E418" s="128"/>
      <c r="F418" s="128"/>
      <c r="G418" s="128"/>
      <c r="H418" s="128"/>
      <c r="I418" s="128"/>
      <c r="J418" s="128"/>
      <c r="K418" s="128"/>
      <c r="L418" s="128"/>
      <c r="M418" s="128"/>
      <c r="N418" s="128"/>
      <c r="O418" s="128"/>
      <c r="P418" s="128"/>
      <c r="Q418" s="128"/>
      <c r="R418" s="128"/>
      <c r="S418" s="128"/>
      <c r="T418" s="128"/>
      <c r="U418" s="128"/>
      <c r="V418" s="128"/>
      <c r="W418" s="128"/>
      <c r="X418" s="128"/>
    </row>
    <row r="419" spans="1:24" ht="15" customHeight="1">
      <c r="A419" s="87"/>
      <c r="B419" s="128"/>
      <c r="C419" s="128"/>
      <c r="D419" s="128"/>
      <c r="E419" s="128"/>
      <c r="F419" s="128"/>
      <c r="G419" s="128"/>
      <c r="H419" s="128"/>
      <c r="I419" s="128"/>
      <c r="J419" s="128"/>
      <c r="K419" s="128"/>
      <c r="L419" s="128"/>
      <c r="M419" s="128"/>
      <c r="N419" s="128"/>
      <c r="O419" s="128"/>
      <c r="P419" s="128"/>
      <c r="Q419" s="128"/>
      <c r="R419" s="128"/>
      <c r="S419" s="128"/>
      <c r="T419" s="128"/>
      <c r="U419" s="128"/>
      <c r="V419" s="128"/>
      <c r="W419" s="128"/>
      <c r="X419" s="128"/>
    </row>
    <row r="420" spans="1:24" ht="15" customHeight="1">
      <c r="A420" s="87"/>
      <c r="B420" s="128"/>
      <c r="C420" s="128"/>
      <c r="D420" s="128"/>
      <c r="E420" s="128"/>
      <c r="F420" s="128"/>
      <c r="G420" s="128"/>
      <c r="H420" s="128"/>
      <c r="I420" s="128"/>
      <c r="J420" s="128"/>
      <c r="K420" s="128"/>
      <c r="L420" s="128"/>
      <c r="M420" s="128"/>
      <c r="N420" s="128"/>
      <c r="O420" s="128"/>
      <c r="P420" s="128"/>
      <c r="Q420" s="128"/>
      <c r="R420" s="128"/>
      <c r="S420" s="128"/>
      <c r="T420" s="128"/>
      <c r="U420" s="128"/>
      <c r="V420" s="128"/>
      <c r="W420" s="128"/>
      <c r="X420" s="128"/>
    </row>
    <row r="421" spans="1:24" ht="15" customHeight="1">
      <c r="A421" s="87"/>
      <c r="B421" s="128"/>
      <c r="C421" s="128"/>
      <c r="D421" s="128"/>
      <c r="E421" s="128"/>
      <c r="F421" s="128"/>
      <c r="G421" s="128"/>
      <c r="H421" s="128"/>
      <c r="I421" s="128"/>
      <c r="J421" s="128"/>
      <c r="K421" s="128"/>
      <c r="L421" s="128"/>
      <c r="M421" s="128"/>
      <c r="N421" s="128"/>
      <c r="O421" s="128"/>
      <c r="P421" s="128"/>
      <c r="Q421" s="128"/>
      <c r="R421" s="128"/>
      <c r="S421" s="128"/>
      <c r="T421" s="128"/>
      <c r="U421" s="128"/>
      <c r="V421" s="128"/>
      <c r="W421" s="128"/>
      <c r="X421" s="128"/>
    </row>
    <row r="422" spans="1:24" ht="15" customHeight="1">
      <c r="A422" s="87"/>
      <c r="B422" s="128"/>
      <c r="C422" s="128"/>
      <c r="D422" s="128"/>
      <c r="E422" s="128"/>
      <c r="F422" s="128"/>
      <c r="G422" s="128"/>
      <c r="H422" s="128"/>
      <c r="I422" s="128"/>
      <c r="J422" s="128"/>
      <c r="K422" s="128"/>
      <c r="L422" s="128"/>
      <c r="M422" s="128"/>
      <c r="N422" s="128"/>
      <c r="O422" s="128"/>
      <c r="P422" s="128"/>
      <c r="Q422" s="128"/>
      <c r="R422" s="128"/>
      <c r="S422" s="128"/>
      <c r="T422" s="128"/>
      <c r="U422" s="128"/>
      <c r="V422" s="128"/>
      <c r="W422" s="128"/>
      <c r="X422" s="128"/>
    </row>
    <row r="423" spans="1:24" ht="15" customHeight="1">
      <c r="A423" s="87"/>
      <c r="B423" s="128"/>
      <c r="C423" s="128"/>
      <c r="D423" s="128"/>
      <c r="E423" s="128"/>
      <c r="F423" s="128"/>
      <c r="G423" s="128"/>
      <c r="H423" s="128"/>
      <c r="I423" s="128"/>
      <c r="J423" s="128"/>
      <c r="K423" s="128"/>
      <c r="L423" s="128"/>
      <c r="M423" s="128"/>
      <c r="N423" s="128"/>
      <c r="O423" s="128"/>
      <c r="P423" s="128"/>
      <c r="Q423" s="128"/>
      <c r="R423" s="128"/>
      <c r="S423" s="128"/>
      <c r="T423" s="128"/>
      <c r="U423" s="128"/>
      <c r="V423" s="128"/>
      <c r="W423" s="128"/>
      <c r="X423" s="128"/>
    </row>
    <row r="424" spans="1:24" ht="15" customHeight="1">
      <c r="A424" s="87"/>
      <c r="B424" s="128"/>
      <c r="C424" s="128"/>
      <c r="D424" s="128"/>
      <c r="E424" s="128"/>
      <c r="F424" s="128"/>
      <c r="G424" s="128"/>
      <c r="H424" s="128"/>
      <c r="I424" s="128"/>
      <c r="J424" s="128"/>
      <c r="K424" s="128"/>
      <c r="L424" s="128"/>
      <c r="M424" s="128"/>
      <c r="N424" s="128"/>
      <c r="O424" s="128"/>
      <c r="P424" s="128"/>
      <c r="Q424" s="128"/>
      <c r="R424" s="128"/>
      <c r="S424" s="128"/>
      <c r="T424" s="128"/>
      <c r="U424" s="128"/>
      <c r="V424" s="128"/>
      <c r="W424" s="128"/>
      <c r="X424" s="128"/>
    </row>
    <row r="425" spans="1:24" ht="15" customHeight="1">
      <c r="A425" s="87"/>
      <c r="B425" s="128"/>
      <c r="C425" s="128"/>
      <c r="D425" s="128"/>
      <c r="E425" s="128"/>
      <c r="F425" s="128"/>
      <c r="G425" s="128"/>
      <c r="H425" s="128"/>
      <c r="I425" s="128"/>
      <c r="J425" s="128"/>
      <c r="K425" s="128"/>
      <c r="L425" s="128"/>
      <c r="M425" s="128"/>
      <c r="N425" s="128"/>
      <c r="O425" s="128"/>
      <c r="P425" s="128"/>
      <c r="Q425" s="128"/>
      <c r="R425" s="128"/>
      <c r="S425" s="128"/>
      <c r="T425" s="128"/>
      <c r="U425" s="128"/>
      <c r="V425" s="128"/>
      <c r="W425" s="128"/>
      <c r="X425" s="128"/>
    </row>
    <row r="426" spans="1:24" ht="15" customHeight="1">
      <c r="A426" s="87"/>
      <c r="B426" s="128"/>
      <c r="C426" s="128"/>
      <c r="D426" s="128"/>
      <c r="E426" s="128"/>
      <c r="F426" s="128"/>
      <c r="G426" s="128"/>
      <c r="H426" s="128"/>
      <c r="I426" s="128"/>
      <c r="J426" s="128"/>
      <c r="K426" s="128"/>
      <c r="L426" s="128"/>
      <c r="M426" s="128"/>
      <c r="N426" s="128"/>
      <c r="O426" s="128"/>
      <c r="P426" s="128"/>
      <c r="Q426" s="128"/>
      <c r="R426" s="128"/>
      <c r="S426" s="128"/>
      <c r="T426" s="128"/>
      <c r="U426" s="128"/>
      <c r="V426" s="128"/>
      <c r="W426" s="128"/>
      <c r="X426" s="128"/>
    </row>
    <row r="427" spans="1:24" ht="15" customHeight="1">
      <c r="A427" s="87"/>
      <c r="B427" s="128"/>
      <c r="C427" s="128"/>
      <c r="D427" s="128"/>
      <c r="E427" s="128"/>
      <c r="F427" s="128"/>
      <c r="G427" s="128"/>
      <c r="H427" s="128"/>
      <c r="I427" s="128"/>
      <c r="J427" s="128"/>
      <c r="K427" s="128"/>
      <c r="L427" s="128"/>
      <c r="M427" s="128"/>
      <c r="N427" s="128"/>
      <c r="O427" s="128"/>
      <c r="P427" s="128"/>
      <c r="Q427" s="128"/>
      <c r="R427" s="128"/>
      <c r="S427" s="128"/>
      <c r="T427" s="128"/>
      <c r="U427" s="128"/>
      <c r="V427" s="128"/>
      <c r="W427" s="128"/>
      <c r="X427" s="128"/>
    </row>
    <row r="428" spans="1:24" ht="15" customHeight="1">
      <c r="A428" s="87"/>
      <c r="B428" s="128"/>
      <c r="C428" s="128"/>
      <c r="D428" s="128"/>
      <c r="E428" s="128"/>
      <c r="F428" s="128"/>
      <c r="G428" s="128"/>
      <c r="H428" s="128"/>
      <c r="I428" s="128"/>
      <c r="J428" s="128"/>
      <c r="K428" s="128"/>
      <c r="L428" s="128"/>
      <c r="M428" s="128"/>
      <c r="N428" s="128"/>
      <c r="O428" s="128"/>
      <c r="P428" s="128"/>
      <c r="Q428" s="128"/>
      <c r="R428" s="128"/>
      <c r="S428" s="128"/>
      <c r="T428" s="128"/>
      <c r="U428" s="128"/>
      <c r="V428" s="128"/>
      <c r="W428" s="128"/>
      <c r="X428" s="128"/>
    </row>
    <row r="429" spans="1:24" ht="15" customHeight="1">
      <c r="A429" s="87"/>
      <c r="B429" s="128"/>
      <c r="C429" s="128"/>
      <c r="D429" s="128"/>
      <c r="E429" s="128"/>
      <c r="F429" s="128"/>
      <c r="G429" s="128"/>
      <c r="H429" s="128"/>
      <c r="I429" s="128"/>
      <c r="J429" s="128"/>
      <c r="K429" s="128"/>
      <c r="L429" s="128"/>
      <c r="M429" s="128"/>
      <c r="N429" s="128"/>
      <c r="O429" s="128"/>
      <c r="P429" s="128"/>
      <c r="Q429" s="128"/>
      <c r="R429" s="128"/>
      <c r="S429" s="128"/>
      <c r="T429" s="128"/>
      <c r="U429" s="128"/>
      <c r="V429" s="128"/>
      <c r="W429" s="128"/>
      <c r="X429" s="128"/>
    </row>
    <row r="430" spans="1:24" ht="15" customHeight="1">
      <c r="A430" s="87"/>
      <c r="B430" s="128"/>
      <c r="C430" s="128"/>
      <c r="D430" s="128"/>
      <c r="E430" s="128"/>
      <c r="F430" s="128"/>
      <c r="G430" s="128"/>
      <c r="H430" s="128"/>
      <c r="I430" s="128"/>
      <c r="J430" s="128"/>
      <c r="K430" s="128"/>
      <c r="L430" s="128"/>
      <c r="M430" s="128"/>
      <c r="N430" s="128"/>
      <c r="O430" s="128"/>
      <c r="P430" s="128"/>
      <c r="Q430" s="128"/>
      <c r="R430" s="128"/>
      <c r="S430" s="128"/>
      <c r="T430" s="128"/>
      <c r="U430" s="128"/>
      <c r="V430" s="128"/>
      <c r="W430" s="128"/>
      <c r="X430" s="128"/>
    </row>
    <row r="431" spans="1:24" ht="15" customHeight="1">
      <c r="A431" s="87"/>
      <c r="B431" s="128"/>
      <c r="C431" s="128"/>
      <c r="D431" s="128"/>
      <c r="E431" s="128"/>
      <c r="F431" s="128"/>
      <c r="G431" s="128"/>
      <c r="H431" s="128"/>
      <c r="I431" s="128"/>
      <c r="J431" s="128"/>
      <c r="K431" s="128"/>
      <c r="L431" s="128"/>
      <c r="M431" s="128"/>
      <c r="N431" s="128"/>
      <c r="O431" s="128"/>
      <c r="P431" s="128"/>
      <c r="Q431" s="128"/>
      <c r="R431" s="128"/>
      <c r="S431" s="128"/>
      <c r="T431" s="128"/>
      <c r="U431" s="128"/>
      <c r="V431" s="128"/>
      <c r="W431" s="128"/>
      <c r="X431" s="128"/>
    </row>
    <row r="432" spans="1:24" ht="15" customHeight="1">
      <c r="A432" s="87"/>
      <c r="B432" s="128"/>
      <c r="C432" s="128"/>
      <c r="D432" s="128"/>
      <c r="E432" s="128"/>
      <c r="F432" s="128"/>
      <c r="G432" s="128"/>
      <c r="H432" s="128"/>
      <c r="I432" s="128"/>
      <c r="J432" s="128"/>
      <c r="K432" s="128"/>
      <c r="L432" s="128"/>
      <c r="M432" s="128"/>
      <c r="N432" s="128"/>
      <c r="O432" s="128"/>
      <c r="P432" s="128"/>
      <c r="Q432" s="128"/>
      <c r="R432" s="128"/>
      <c r="S432" s="128"/>
      <c r="T432" s="128"/>
      <c r="U432" s="128"/>
      <c r="V432" s="128"/>
      <c r="W432" s="128"/>
      <c r="X432" s="128"/>
    </row>
    <row r="433" spans="1:24" ht="15" customHeight="1">
      <c r="A433" s="87"/>
      <c r="B433" s="128"/>
      <c r="C433" s="128"/>
      <c r="D433" s="128"/>
      <c r="E433" s="128"/>
      <c r="F433" s="128"/>
      <c r="G433" s="128"/>
      <c r="H433" s="128"/>
      <c r="I433" s="128"/>
      <c r="J433" s="128"/>
      <c r="K433" s="128"/>
      <c r="L433" s="128"/>
      <c r="M433" s="128"/>
      <c r="N433" s="128"/>
      <c r="O433" s="128"/>
      <c r="P433" s="128"/>
      <c r="Q433" s="128"/>
      <c r="R433" s="128"/>
      <c r="S433" s="128"/>
      <c r="T433" s="128"/>
      <c r="U433" s="128"/>
      <c r="V433" s="128"/>
      <c r="W433" s="128"/>
      <c r="X433" s="128"/>
    </row>
    <row r="434" spans="1:24" ht="15" customHeight="1">
      <c r="A434" s="87"/>
      <c r="B434" s="128"/>
      <c r="C434" s="128"/>
      <c r="D434" s="128"/>
      <c r="E434" s="128"/>
      <c r="F434" s="128"/>
      <c r="G434" s="128"/>
      <c r="H434" s="128"/>
      <c r="I434" s="128"/>
      <c r="J434" s="128"/>
      <c r="K434" s="128"/>
      <c r="L434" s="128"/>
      <c r="M434" s="128"/>
      <c r="N434" s="128"/>
      <c r="O434" s="128"/>
      <c r="P434" s="128"/>
      <c r="Q434" s="128"/>
      <c r="R434" s="128"/>
      <c r="S434" s="128"/>
      <c r="T434" s="128"/>
      <c r="U434" s="128"/>
      <c r="V434" s="128"/>
      <c r="W434" s="128"/>
      <c r="X434" s="128"/>
    </row>
    <row r="435" spans="1:24" ht="15" customHeight="1">
      <c r="A435" s="87"/>
      <c r="B435" s="128"/>
      <c r="C435" s="128"/>
      <c r="D435" s="128"/>
      <c r="E435" s="128"/>
      <c r="F435" s="128"/>
      <c r="G435" s="128"/>
      <c r="H435" s="128"/>
      <c r="I435" s="128"/>
      <c r="J435" s="128"/>
      <c r="K435" s="128"/>
      <c r="L435" s="128"/>
      <c r="M435" s="128"/>
      <c r="N435" s="128"/>
      <c r="O435" s="128"/>
      <c r="P435" s="128"/>
      <c r="Q435" s="128"/>
      <c r="R435" s="128"/>
      <c r="S435" s="128"/>
      <c r="T435" s="128"/>
      <c r="U435" s="128"/>
      <c r="V435" s="128"/>
      <c r="W435" s="128"/>
      <c r="X435" s="128"/>
    </row>
    <row r="436" spans="1:24" ht="15" customHeight="1">
      <c r="A436" s="87"/>
      <c r="B436" s="128"/>
      <c r="C436" s="128"/>
      <c r="D436" s="128"/>
      <c r="E436" s="128"/>
      <c r="F436" s="128"/>
      <c r="G436" s="128"/>
      <c r="H436" s="128"/>
      <c r="I436" s="128"/>
      <c r="J436" s="128"/>
      <c r="K436" s="128"/>
      <c r="L436" s="128"/>
      <c r="M436" s="128"/>
      <c r="N436" s="128"/>
      <c r="O436" s="128"/>
      <c r="P436" s="128"/>
      <c r="Q436" s="128"/>
      <c r="R436" s="128"/>
      <c r="S436" s="128"/>
      <c r="T436" s="128"/>
      <c r="U436" s="128"/>
      <c r="V436" s="128"/>
      <c r="W436" s="128"/>
      <c r="X436" s="128"/>
    </row>
    <row r="437" spans="1:24" ht="15" customHeight="1">
      <c r="A437" s="87"/>
      <c r="B437" s="128"/>
      <c r="C437" s="128"/>
      <c r="D437" s="128"/>
      <c r="E437" s="128"/>
      <c r="F437" s="128"/>
      <c r="G437" s="128"/>
      <c r="H437" s="128"/>
      <c r="I437" s="128"/>
      <c r="J437" s="128"/>
      <c r="K437" s="128"/>
      <c r="L437" s="128"/>
      <c r="M437" s="128"/>
      <c r="N437" s="128"/>
      <c r="O437" s="128"/>
      <c r="P437" s="128"/>
      <c r="Q437" s="128"/>
      <c r="R437" s="128"/>
      <c r="S437" s="128"/>
      <c r="T437" s="128"/>
      <c r="U437" s="128"/>
      <c r="V437" s="128"/>
      <c r="W437" s="128"/>
      <c r="X437" s="128"/>
    </row>
    <row r="438" spans="1:24" ht="15" customHeight="1">
      <c r="A438" s="87"/>
      <c r="B438" s="128"/>
      <c r="C438" s="128"/>
      <c r="D438" s="128"/>
      <c r="E438" s="128"/>
      <c r="F438" s="128"/>
      <c r="G438" s="128"/>
      <c r="H438" s="128"/>
      <c r="I438" s="128"/>
      <c r="J438" s="128"/>
      <c r="K438" s="128"/>
      <c r="L438" s="128"/>
      <c r="M438" s="128"/>
      <c r="N438" s="128"/>
      <c r="O438" s="128"/>
      <c r="P438" s="128"/>
      <c r="Q438" s="128"/>
      <c r="R438" s="128"/>
      <c r="S438" s="128"/>
      <c r="T438" s="128"/>
      <c r="U438" s="128"/>
      <c r="V438" s="128"/>
      <c r="W438" s="128"/>
      <c r="X438" s="128"/>
    </row>
    <row r="439" spans="1:24" ht="15" customHeight="1">
      <c r="A439" s="87"/>
      <c r="B439" s="128"/>
      <c r="C439" s="128"/>
      <c r="D439" s="128"/>
      <c r="E439" s="128"/>
      <c r="F439" s="128"/>
      <c r="G439" s="128"/>
      <c r="H439" s="128"/>
      <c r="I439" s="128"/>
      <c r="J439" s="128"/>
      <c r="K439" s="128"/>
      <c r="L439" s="128"/>
      <c r="M439" s="128"/>
      <c r="N439" s="128"/>
      <c r="O439" s="128"/>
      <c r="P439" s="128"/>
      <c r="Q439" s="128"/>
      <c r="R439" s="128"/>
      <c r="S439" s="128"/>
      <c r="T439" s="128"/>
      <c r="U439" s="128"/>
      <c r="V439" s="128"/>
      <c r="W439" s="128"/>
      <c r="X439" s="128"/>
    </row>
    <row r="440" spans="1:24" ht="15" customHeight="1">
      <c r="A440" s="87"/>
      <c r="B440" s="128"/>
      <c r="C440" s="128"/>
      <c r="D440" s="128"/>
      <c r="E440" s="128"/>
      <c r="F440" s="128"/>
      <c r="G440" s="128"/>
      <c r="H440" s="128"/>
      <c r="I440" s="128"/>
      <c r="J440" s="128"/>
      <c r="K440" s="128"/>
      <c r="L440" s="128"/>
      <c r="M440" s="128"/>
      <c r="N440" s="128"/>
      <c r="O440" s="128"/>
      <c r="P440" s="128"/>
      <c r="Q440" s="128"/>
      <c r="R440" s="128"/>
      <c r="S440" s="128"/>
      <c r="T440" s="128"/>
      <c r="U440" s="128"/>
      <c r="V440" s="128"/>
      <c r="W440" s="128"/>
      <c r="X440" s="128"/>
    </row>
    <row r="441" spans="1:24" ht="15" customHeight="1">
      <c r="A441" s="87"/>
      <c r="B441" s="128"/>
      <c r="C441" s="128"/>
      <c r="D441" s="128"/>
      <c r="E441" s="128"/>
      <c r="F441" s="128"/>
      <c r="G441" s="128"/>
      <c r="H441" s="128"/>
      <c r="I441" s="128"/>
      <c r="J441" s="128"/>
      <c r="K441" s="128"/>
      <c r="L441" s="128"/>
      <c r="M441" s="128"/>
      <c r="N441" s="128"/>
      <c r="O441" s="128"/>
      <c r="P441" s="128"/>
      <c r="Q441" s="128"/>
      <c r="R441" s="128"/>
      <c r="S441" s="128"/>
      <c r="T441" s="128"/>
      <c r="U441" s="128"/>
      <c r="V441" s="128"/>
      <c r="W441" s="128"/>
      <c r="X441" s="128"/>
    </row>
    <row r="442" spans="1:24" ht="15" customHeight="1">
      <c r="A442" s="87"/>
      <c r="B442" s="128"/>
      <c r="C442" s="128"/>
      <c r="D442" s="128"/>
      <c r="E442" s="128"/>
      <c r="F442" s="128"/>
      <c r="G442" s="128"/>
      <c r="H442" s="128"/>
      <c r="I442" s="128"/>
      <c r="J442" s="128"/>
      <c r="K442" s="128"/>
      <c r="L442" s="128"/>
      <c r="M442" s="128"/>
      <c r="N442" s="128"/>
      <c r="O442" s="128"/>
      <c r="P442" s="128"/>
      <c r="Q442" s="128"/>
      <c r="R442" s="128"/>
      <c r="S442" s="128"/>
      <c r="T442" s="128"/>
      <c r="U442" s="128"/>
      <c r="V442" s="128"/>
      <c r="W442" s="128"/>
      <c r="X442" s="128"/>
    </row>
    <row r="443" spans="1:24" ht="15" customHeight="1">
      <c r="A443" s="87"/>
      <c r="B443" s="128"/>
      <c r="C443" s="128"/>
      <c r="D443" s="128"/>
      <c r="E443" s="128"/>
      <c r="F443" s="128"/>
      <c r="G443" s="128"/>
      <c r="H443" s="128"/>
      <c r="I443" s="128"/>
      <c r="J443" s="128"/>
      <c r="K443" s="128"/>
      <c r="L443" s="128"/>
      <c r="M443" s="128"/>
      <c r="N443" s="128"/>
      <c r="O443" s="128"/>
      <c r="P443" s="128"/>
      <c r="Q443" s="128"/>
      <c r="R443" s="128"/>
      <c r="S443" s="128"/>
      <c r="T443" s="128"/>
      <c r="U443" s="128"/>
      <c r="V443" s="128"/>
      <c r="W443" s="128"/>
      <c r="X443" s="128"/>
    </row>
    <row r="444" spans="1:24" ht="15" customHeight="1">
      <c r="A444" s="87"/>
      <c r="B444" s="128"/>
      <c r="C444" s="128"/>
      <c r="D444" s="128"/>
      <c r="E444" s="128"/>
      <c r="F444" s="128"/>
      <c r="G444" s="128"/>
      <c r="H444" s="128"/>
      <c r="I444" s="128"/>
      <c r="J444" s="128"/>
      <c r="K444" s="128"/>
      <c r="L444" s="128"/>
      <c r="M444" s="128"/>
      <c r="N444" s="128"/>
      <c r="O444" s="128"/>
      <c r="P444" s="128"/>
      <c r="Q444" s="128"/>
      <c r="R444" s="128"/>
      <c r="S444" s="128"/>
      <c r="T444" s="128"/>
      <c r="U444" s="128"/>
      <c r="V444" s="128"/>
      <c r="W444" s="128"/>
      <c r="X444" s="128"/>
    </row>
    <row r="445" spans="1:24" ht="15" customHeight="1">
      <c r="A445" s="87"/>
      <c r="B445" s="128"/>
      <c r="C445" s="128"/>
      <c r="D445" s="128"/>
      <c r="E445" s="128"/>
      <c r="F445" s="128"/>
      <c r="G445" s="128"/>
      <c r="H445" s="128"/>
      <c r="I445" s="128"/>
      <c r="J445" s="128"/>
      <c r="K445" s="128"/>
      <c r="L445" s="128"/>
      <c r="M445" s="128"/>
      <c r="N445" s="128"/>
      <c r="O445" s="128"/>
      <c r="P445" s="128"/>
      <c r="Q445" s="128"/>
      <c r="R445" s="128"/>
      <c r="S445" s="128"/>
      <c r="T445" s="128"/>
      <c r="U445" s="128"/>
      <c r="V445" s="128"/>
      <c r="W445" s="128"/>
      <c r="X445" s="128"/>
    </row>
    <row r="446" spans="1:24" ht="15" customHeight="1">
      <c r="A446" s="87"/>
      <c r="B446" s="128"/>
      <c r="C446" s="128"/>
      <c r="D446" s="128"/>
      <c r="E446" s="128"/>
      <c r="F446" s="128"/>
      <c r="G446" s="128"/>
      <c r="H446" s="128"/>
      <c r="I446" s="128"/>
      <c r="J446" s="128"/>
      <c r="K446" s="128"/>
      <c r="L446" s="128"/>
      <c r="M446" s="128"/>
      <c r="N446" s="128"/>
      <c r="O446" s="128"/>
      <c r="P446" s="128"/>
      <c r="Q446" s="128"/>
      <c r="R446" s="128"/>
      <c r="S446" s="128"/>
      <c r="T446" s="128"/>
      <c r="U446" s="128"/>
      <c r="V446" s="128"/>
      <c r="W446" s="128"/>
      <c r="X446" s="128"/>
    </row>
    <row r="447" spans="1:24" ht="15" customHeight="1">
      <c r="A447" s="87"/>
      <c r="B447" s="128"/>
      <c r="C447" s="128"/>
      <c r="D447" s="128"/>
      <c r="E447" s="128"/>
      <c r="F447" s="128"/>
      <c r="G447" s="128"/>
      <c r="H447" s="128"/>
      <c r="I447" s="128"/>
      <c r="J447" s="128"/>
      <c r="K447" s="128"/>
      <c r="L447" s="128"/>
      <c r="M447" s="128"/>
      <c r="N447" s="128"/>
      <c r="O447" s="128"/>
      <c r="P447" s="128"/>
      <c r="Q447" s="128"/>
      <c r="R447" s="128"/>
      <c r="S447" s="128"/>
      <c r="T447" s="128"/>
      <c r="U447" s="128"/>
      <c r="V447" s="128"/>
      <c r="W447" s="128"/>
      <c r="X447" s="128"/>
    </row>
    <row r="448" spans="1:24" ht="15" customHeight="1">
      <c r="A448" s="87"/>
      <c r="B448" s="128"/>
      <c r="C448" s="128"/>
      <c r="D448" s="128"/>
      <c r="E448" s="128"/>
      <c r="F448" s="128"/>
      <c r="G448" s="128"/>
      <c r="H448" s="128"/>
      <c r="I448" s="128"/>
      <c r="J448" s="128"/>
      <c r="K448" s="128"/>
      <c r="L448" s="128"/>
      <c r="M448" s="128"/>
      <c r="N448" s="128"/>
      <c r="O448" s="128"/>
      <c r="P448" s="128"/>
      <c r="Q448" s="128"/>
      <c r="R448" s="128"/>
      <c r="S448" s="128"/>
      <c r="T448" s="128"/>
      <c r="U448" s="128"/>
      <c r="V448" s="128"/>
      <c r="W448" s="128"/>
      <c r="X448" s="128"/>
    </row>
    <row r="449" spans="1:24" ht="15" customHeight="1">
      <c r="A449" s="87"/>
      <c r="B449" s="128"/>
      <c r="C449" s="128"/>
      <c r="D449" s="128"/>
      <c r="E449" s="128"/>
      <c r="F449" s="128"/>
      <c r="G449" s="128"/>
      <c r="H449" s="128"/>
      <c r="I449" s="128"/>
      <c r="J449" s="128"/>
      <c r="K449" s="128"/>
      <c r="L449" s="128"/>
      <c r="M449" s="128"/>
      <c r="N449" s="128"/>
      <c r="O449" s="128"/>
      <c r="P449" s="128"/>
      <c r="Q449" s="128"/>
      <c r="R449" s="128"/>
      <c r="S449" s="128"/>
      <c r="T449" s="128"/>
      <c r="U449" s="128"/>
      <c r="V449" s="128"/>
      <c r="W449" s="128"/>
      <c r="X449" s="128"/>
    </row>
    <row r="450" spans="1:24" ht="15" customHeight="1">
      <c r="A450" s="87"/>
      <c r="B450" s="128"/>
      <c r="C450" s="128"/>
      <c r="D450" s="128"/>
      <c r="E450" s="128"/>
      <c r="F450" s="128"/>
      <c r="G450" s="128"/>
      <c r="H450" s="128"/>
      <c r="I450" s="128"/>
      <c r="J450" s="128"/>
      <c r="K450" s="128"/>
      <c r="L450" s="128"/>
      <c r="M450" s="128"/>
      <c r="N450" s="128"/>
      <c r="O450" s="128"/>
      <c r="P450" s="128"/>
      <c r="Q450" s="128"/>
      <c r="R450" s="128"/>
      <c r="S450" s="128"/>
      <c r="T450" s="128"/>
      <c r="U450" s="128"/>
      <c r="V450" s="128"/>
      <c r="W450" s="128"/>
      <c r="X450" s="128"/>
    </row>
    <row r="451" spans="1:24" ht="15" customHeight="1">
      <c r="A451" s="87"/>
      <c r="B451" s="128"/>
      <c r="C451" s="128"/>
      <c r="D451" s="128"/>
      <c r="E451" s="128"/>
      <c r="F451" s="128"/>
      <c r="G451" s="128"/>
      <c r="H451" s="128"/>
      <c r="I451" s="128"/>
      <c r="J451" s="128"/>
      <c r="K451" s="128"/>
      <c r="L451" s="128"/>
      <c r="M451" s="128"/>
      <c r="N451" s="128"/>
      <c r="O451" s="128"/>
      <c r="P451" s="128"/>
      <c r="Q451" s="128"/>
      <c r="R451" s="128"/>
      <c r="S451" s="128"/>
      <c r="T451" s="128"/>
      <c r="U451" s="128"/>
      <c r="V451" s="128"/>
      <c r="W451" s="128"/>
      <c r="X451" s="128"/>
    </row>
    <row r="452" spans="1:24" ht="15" customHeight="1">
      <c r="A452" s="87"/>
      <c r="B452" s="128"/>
      <c r="C452" s="128"/>
      <c r="D452" s="128"/>
      <c r="E452" s="128"/>
      <c r="F452" s="128"/>
      <c r="G452" s="128"/>
      <c r="H452" s="128"/>
      <c r="I452" s="128"/>
      <c r="J452" s="128"/>
      <c r="K452" s="128"/>
      <c r="L452" s="128"/>
      <c r="M452" s="128"/>
      <c r="N452" s="128"/>
      <c r="O452" s="128"/>
      <c r="P452" s="128"/>
      <c r="Q452" s="128"/>
      <c r="R452" s="128"/>
      <c r="S452" s="128"/>
      <c r="T452" s="128"/>
      <c r="U452" s="128"/>
      <c r="V452" s="128"/>
      <c r="W452" s="128"/>
      <c r="X452" s="128"/>
    </row>
    <row r="453" spans="1:24" ht="15" customHeight="1">
      <c r="A453" s="87"/>
      <c r="B453" s="128"/>
      <c r="C453" s="128"/>
      <c r="D453" s="128"/>
      <c r="E453" s="128"/>
      <c r="F453" s="128"/>
      <c r="G453" s="128"/>
      <c r="H453" s="128"/>
      <c r="I453" s="128"/>
      <c r="J453" s="128"/>
      <c r="K453" s="128"/>
      <c r="L453" s="128"/>
      <c r="M453" s="128"/>
      <c r="N453" s="128"/>
      <c r="O453" s="128"/>
      <c r="P453" s="128"/>
      <c r="Q453" s="128"/>
      <c r="R453" s="128"/>
      <c r="S453" s="128"/>
      <c r="T453" s="128"/>
      <c r="U453" s="128"/>
      <c r="V453" s="128"/>
      <c r="W453" s="128"/>
      <c r="X453" s="128"/>
    </row>
    <row r="454" spans="1:24" ht="15" customHeight="1">
      <c r="A454" s="87"/>
      <c r="B454" s="128"/>
      <c r="C454" s="128"/>
      <c r="D454" s="128"/>
      <c r="E454" s="128"/>
      <c r="F454" s="128"/>
      <c r="G454" s="128"/>
      <c r="H454" s="128"/>
      <c r="I454" s="128"/>
      <c r="J454" s="128"/>
      <c r="K454" s="128"/>
      <c r="L454" s="128"/>
      <c r="M454" s="128"/>
      <c r="N454" s="128"/>
      <c r="O454" s="128"/>
      <c r="P454" s="128"/>
      <c r="Q454" s="128"/>
      <c r="R454" s="128"/>
      <c r="S454" s="128"/>
      <c r="T454" s="128"/>
      <c r="U454" s="128"/>
      <c r="V454" s="128"/>
      <c r="W454" s="128"/>
      <c r="X454" s="128"/>
    </row>
    <row r="455" spans="1:24" ht="15" customHeight="1">
      <c r="A455" s="87"/>
      <c r="B455" s="128"/>
      <c r="C455" s="128"/>
      <c r="D455" s="128"/>
      <c r="E455" s="128"/>
      <c r="F455" s="128"/>
      <c r="G455" s="128"/>
      <c r="H455" s="128"/>
      <c r="I455" s="128"/>
      <c r="J455" s="128"/>
      <c r="K455" s="128"/>
      <c r="L455" s="128"/>
      <c r="M455" s="128"/>
      <c r="N455" s="128"/>
      <c r="O455" s="128"/>
      <c r="P455" s="128"/>
      <c r="Q455" s="128"/>
      <c r="R455" s="128"/>
      <c r="S455" s="128"/>
      <c r="T455" s="128"/>
      <c r="U455" s="128"/>
      <c r="V455" s="128"/>
      <c r="W455" s="128"/>
      <c r="X455" s="128"/>
    </row>
    <row r="456" spans="1:24" ht="15" customHeight="1">
      <c r="A456" s="87"/>
      <c r="B456" s="128"/>
      <c r="C456" s="128"/>
      <c r="D456" s="128"/>
      <c r="E456" s="128"/>
      <c r="F456" s="128"/>
      <c r="G456" s="128"/>
      <c r="H456" s="128"/>
      <c r="I456" s="128"/>
      <c r="J456" s="128"/>
      <c r="K456" s="128"/>
      <c r="L456" s="128"/>
      <c r="M456" s="128"/>
      <c r="N456" s="128"/>
      <c r="O456" s="128"/>
      <c r="P456" s="128"/>
      <c r="Q456" s="128"/>
      <c r="R456" s="128"/>
      <c r="S456" s="128"/>
      <c r="T456" s="128"/>
      <c r="U456" s="128"/>
      <c r="V456" s="128"/>
      <c r="W456" s="128"/>
      <c r="X456" s="128"/>
    </row>
    <row r="457" spans="1:24" ht="15" customHeight="1">
      <c r="A457" s="87"/>
      <c r="B457" s="128"/>
      <c r="C457" s="128"/>
      <c r="D457" s="128"/>
      <c r="E457" s="128"/>
      <c r="F457" s="128"/>
      <c r="G457" s="128"/>
      <c r="H457" s="128"/>
      <c r="I457" s="128"/>
      <c r="J457" s="128"/>
      <c r="K457" s="128"/>
      <c r="L457" s="128"/>
      <c r="M457" s="128"/>
      <c r="N457" s="128"/>
      <c r="O457" s="128"/>
      <c r="P457" s="128"/>
      <c r="Q457" s="128"/>
      <c r="R457" s="128"/>
      <c r="S457" s="128"/>
      <c r="T457" s="128"/>
      <c r="U457" s="128"/>
      <c r="V457" s="128"/>
      <c r="W457" s="128"/>
      <c r="X457" s="128"/>
    </row>
    <row r="458" spans="1:24" ht="15" customHeight="1">
      <c r="A458" s="87"/>
      <c r="B458" s="128"/>
      <c r="C458" s="128"/>
      <c r="D458" s="128"/>
      <c r="E458" s="128"/>
      <c r="F458" s="128"/>
      <c r="G458" s="128"/>
      <c r="H458" s="128"/>
      <c r="I458" s="128"/>
      <c r="J458" s="128"/>
      <c r="K458" s="128"/>
      <c r="L458" s="128"/>
      <c r="M458" s="128"/>
      <c r="N458" s="128"/>
      <c r="O458" s="128"/>
      <c r="P458" s="128"/>
      <c r="Q458" s="128"/>
      <c r="R458" s="128"/>
      <c r="S458" s="128"/>
      <c r="T458" s="128"/>
      <c r="U458" s="128"/>
      <c r="V458" s="128"/>
      <c r="W458" s="128"/>
      <c r="X458" s="128"/>
    </row>
    <row r="459" spans="1:24" ht="15" customHeight="1">
      <c r="A459" s="87"/>
      <c r="B459" s="128"/>
      <c r="C459" s="128"/>
      <c r="D459" s="128"/>
      <c r="E459" s="128"/>
      <c r="F459" s="128"/>
      <c r="G459" s="128"/>
      <c r="H459" s="128"/>
      <c r="I459" s="128"/>
      <c r="J459" s="128"/>
      <c r="K459" s="128"/>
      <c r="L459" s="128"/>
      <c r="M459" s="128"/>
      <c r="N459" s="128"/>
      <c r="O459" s="128"/>
      <c r="P459" s="128"/>
      <c r="Q459" s="128"/>
      <c r="R459" s="128"/>
      <c r="S459" s="128"/>
      <c r="T459" s="128"/>
      <c r="U459" s="128"/>
      <c r="V459" s="128"/>
      <c r="W459" s="128"/>
      <c r="X459" s="128"/>
    </row>
    <row r="460" spans="1:24" ht="15" customHeight="1">
      <c r="A460" s="87"/>
      <c r="B460" s="128"/>
      <c r="C460" s="128"/>
      <c r="D460" s="128"/>
      <c r="E460" s="128"/>
      <c r="F460" s="128"/>
      <c r="G460" s="128"/>
      <c r="H460" s="128"/>
      <c r="I460" s="128"/>
      <c r="J460" s="128"/>
      <c r="K460" s="128"/>
      <c r="L460" s="128"/>
      <c r="M460" s="128"/>
      <c r="N460" s="128"/>
      <c r="O460" s="128"/>
      <c r="P460" s="128"/>
      <c r="Q460" s="128"/>
      <c r="R460" s="128"/>
      <c r="S460" s="128"/>
      <c r="T460" s="128"/>
      <c r="U460" s="128"/>
      <c r="V460" s="128"/>
      <c r="W460" s="128"/>
      <c r="X460" s="128"/>
    </row>
    <row r="461" spans="1:24" ht="15" customHeight="1">
      <c r="A461" s="87"/>
      <c r="B461" s="128"/>
      <c r="C461" s="128"/>
      <c r="D461" s="128"/>
      <c r="E461" s="128"/>
      <c r="F461" s="128"/>
      <c r="G461" s="128"/>
      <c r="H461" s="128"/>
      <c r="I461" s="128"/>
      <c r="J461" s="128"/>
      <c r="K461" s="128"/>
      <c r="L461" s="128"/>
      <c r="M461" s="128"/>
      <c r="N461" s="128"/>
      <c r="O461" s="128"/>
      <c r="P461" s="128"/>
      <c r="Q461" s="128"/>
      <c r="R461" s="128"/>
      <c r="S461" s="128"/>
      <c r="T461" s="128"/>
      <c r="U461" s="128"/>
      <c r="V461" s="128"/>
      <c r="W461" s="128"/>
      <c r="X461" s="128"/>
    </row>
    <row r="462" spans="1:24" ht="15" customHeight="1">
      <c r="A462" s="87"/>
      <c r="B462" s="128"/>
      <c r="C462" s="128"/>
      <c r="D462" s="128"/>
      <c r="E462" s="128"/>
      <c r="F462" s="128"/>
      <c r="G462" s="128"/>
      <c r="H462" s="128"/>
      <c r="I462" s="128"/>
      <c r="J462" s="128"/>
      <c r="K462" s="128"/>
      <c r="L462" s="128"/>
      <c r="M462" s="128"/>
      <c r="N462" s="128"/>
      <c r="O462" s="128"/>
      <c r="P462" s="128"/>
      <c r="Q462" s="128"/>
      <c r="R462" s="128"/>
      <c r="S462" s="128"/>
      <c r="T462" s="128"/>
      <c r="U462" s="128"/>
      <c r="V462" s="128"/>
      <c r="W462" s="128"/>
      <c r="X462" s="128"/>
    </row>
    <row r="463" spans="1:24" ht="15" customHeight="1">
      <c r="A463" s="87"/>
      <c r="B463" s="128"/>
      <c r="C463" s="128"/>
      <c r="D463" s="128"/>
      <c r="E463" s="128"/>
      <c r="F463" s="128"/>
      <c r="G463" s="128"/>
      <c r="H463" s="128"/>
      <c r="I463" s="128"/>
      <c r="J463" s="128"/>
      <c r="K463" s="128"/>
      <c r="L463" s="128"/>
      <c r="M463" s="128"/>
      <c r="N463" s="128"/>
      <c r="O463" s="128"/>
      <c r="P463" s="128"/>
      <c r="Q463" s="128"/>
      <c r="R463" s="128"/>
      <c r="S463" s="128"/>
      <c r="T463" s="128"/>
      <c r="U463" s="128"/>
      <c r="V463" s="128"/>
      <c r="W463" s="128"/>
      <c r="X463" s="128"/>
    </row>
    <row r="464" spans="1:24" ht="15" customHeight="1">
      <c r="A464" s="87"/>
      <c r="B464" s="128"/>
      <c r="C464" s="128"/>
      <c r="D464" s="128"/>
      <c r="E464" s="128"/>
      <c r="F464" s="128"/>
      <c r="G464" s="128"/>
      <c r="H464" s="128"/>
      <c r="I464" s="128"/>
      <c r="J464" s="128"/>
      <c r="K464" s="128"/>
      <c r="L464" s="128"/>
      <c r="M464" s="128"/>
      <c r="N464" s="128"/>
      <c r="O464" s="128"/>
      <c r="P464" s="128"/>
      <c r="Q464" s="128"/>
      <c r="R464" s="128"/>
      <c r="S464" s="128"/>
      <c r="T464" s="128"/>
      <c r="U464" s="128"/>
      <c r="V464" s="128"/>
      <c r="W464" s="128"/>
      <c r="X464" s="128"/>
    </row>
    <row r="465" spans="1:24" ht="15" customHeight="1">
      <c r="A465" s="87"/>
      <c r="B465" s="128"/>
      <c r="C465" s="128"/>
      <c r="D465" s="128"/>
      <c r="E465" s="128"/>
      <c r="F465" s="128"/>
      <c r="G465" s="128"/>
      <c r="H465" s="128"/>
      <c r="I465" s="128"/>
      <c r="J465" s="128"/>
      <c r="K465" s="128"/>
      <c r="L465" s="128"/>
      <c r="M465" s="128"/>
      <c r="N465" s="128"/>
      <c r="O465" s="128"/>
      <c r="P465" s="128"/>
      <c r="Q465" s="128"/>
      <c r="R465" s="128"/>
      <c r="S465" s="128"/>
      <c r="T465" s="128"/>
      <c r="U465" s="128"/>
      <c r="V465" s="128"/>
      <c r="W465" s="128"/>
      <c r="X465" s="128"/>
    </row>
    <row r="466" spans="1:24" ht="15" customHeight="1">
      <c r="A466" s="87"/>
      <c r="B466" s="128"/>
      <c r="C466" s="128"/>
      <c r="D466" s="128"/>
      <c r="E466" s="128"/>
      <c r="F466" s="128"/>
      <c r="G466" s="128"/>
      <c r="H466" s="128"/>
      <c r="I466" s="128"/>
      <c r="J466" s="128"/>
      <c r="K466" s="128"/>
      <c r="L466" s="128"/>
      <c r="M466" s="128"/>
      <c r="N466" s="128"/>
      <c r="O466" s="128"/>
      <c r="P466" s="128"/>
      <c r="Q466" s="128"/>
      <c r="R466" s="128"/>
      <c r="S466" s="128"/>
      <c r="T466" s="128"/>
      <c r="U466" s="128"/>
      <c r="V466" s="128"/>
      <c r="W466" s="128"/>
      <c r="X466" s="128"/>
    </row>
    <row r="467" spans="1:24" ht="15" customHeight="1">
      <c r="A467" s="87"/>
      <c r="B467" s="128"/>
      <c r="C467" s="128"/>
      <c r="D467" s="128"/>
      <c r="E467" s="128"/>
      <c r="F467" s="128"/>
      <c r="G467" s="128"/>
      <c r="H467" s="128"/>
      <c r="I467" s="128"/>
      <c r="J467" s="128"/>
      <c r="K467" s="128"/>
      <c r="L467" s="128"/>
      <c r="M467" s="128"/>
      <c r="N467" s="128"/>
      <c r="O467" s="128"/>
      <c r="P467" s="128"/>
      <c r="Q467" s="128"/>
      <c r="R467" s="128"/>
      <c r="S467" s="128"/>
      <c r="T467" s="128"/>
      <c r="U467" s="128"/>
      <c r="V467" s="128"/>
      <c r="W467" s="128"/>
      <c r="X467" s="128"/>
    </row>
    <row r="468" spans="1:24" ht="15" customHeight="1">
      <c r="A468" s="87"/>
      <c r="B468" s="128"/>
      <c r="C468" s="128"/>
      <c r="D468" s="128"/>
      <c r="E468" s="128"/>
      <c r="F468" s="128"/>
      <c r="G468" s="128"/>
      <c r="H468" s="128"/>
      <c r="I468" s="128"/>
      <c r="J468" s="128"/>
      <c r="K468" s="128"/>
      <c r="L468" s="128"/>
      <c r="M468" s="128"/>
      <c r="N468" s="128"/>
      <c r="O468" s="128"/>
      <c r="P468" s="128"/>
      <c r="Q468" s="128"/>
      <c r="R468" s="128"/>
      <c r="S468" s="128"/>
      <c r="T468" s="128"/>
      <c r="U468" s="128"/>
      <c r="V468" s="128"/>
      <c r="W468" s="128"/>
      <c r="X468" s="128"/>
    </row>
    <row r="469" spans="1:24" ht="15" customHeight="1">
      <c r="A469" s="87"/>
      <c r="B469" s="128"/>
      <c r="C469" s="128"/>
      <c r="D469" s="128"/>
      <c r="E469" s="128"/>
      <c r="F469" s="128"/>
      <c r="G469" s="128"/>
      <c r="H469" s="128"/>
      <c r="I469" s="128"/>
      <c r="J469" s="128"/>
      <c r="K469" s="128"/>
      <c r="L469" s="128"/>
      <c r="M469" s="128"/>
      <c r="N469" s="128"/>
      <c r="O469" s="128"/>
      <c r="P469" s="128"/>
      <c r="Q469" s="128"/>
      <c r="R469" s="128"/>
      <c r="S469" s="128"/>
      <c r="T469" s="128"/>
      <c r="U469" s="128"/>
      <c r="V469" s="128"/>
      <c r="W469" s="128"/>
      <c r="X469" s="128"/>
    </row>
    <row r="470" spans="1:24" ht="15" customHeight="1">
      <c r="A470" s="87"/>
      <c r="B470" s="128"/>
      <c r="C470" s="128"/>
      <c r="D470" s="128"/>
      <c r="E470" s="128"/>
      <c r="F470" s="128"/>
      <c r="G470" s="128"/>
      <c r="H470" s="128"/>
      <c r="I470" s="128"/>
      <c r="J470" s="128"/>
      <c r="K470" s="128"/>
      <c r="L470" s="128"/>
      <c r="M470" s="128"/>
      <c r="N470" s="128"/>
      <c r="O470" s="128"/>
      <c r="P470" s="128"/>
      <c r="Q470" s="128"/>
      <c r="R470" s="128"/>
      <c r="S470" s="128"/>
      <c r="T470" s="128"/>
      <c r="U470" s="128"/>
      <c r="V470" s="128"/>
      <c r="W470" s="128"/>
      <c r="X470" s="128"/>
    </row>
    <row r="471" spans="1:24" ht="15" customHeight="1">
      <c r="A471" s="87"/>
      <c r="B471" s="128"/>
      <c r="C471" s="128"/>
      <c r="D471" s="128"/>
      <c r="E471" s="128"/>
      <c r="F471" s="128"/>
      <c r="G471" s="128"/>
      <c r="H471" s="128"/>
      <c r="I471" s="128"/>
      <c r="J471" s="128"/>
      <c r="K471" s="128"/>
      <c r="L471" s="128"/>
      <c r="M471" s="128"/>
      <c r="N471" s="128"/>
      <c r="O471" s="128"/>
      <c r="P471" s="128"/>
      <c r="Q471" s="128"/>
      <c r="R471" s="128"/>
      <c r="S471" s="128"/>
      <c r="T471" s="128"/>
      <c r="U471" s="128"/>
      <c r="V471" s="128"/>
      <c r="W471" s="128"/>
      <c r="X471" s="128"/>
    </row>
    <row r="472" spans="1:24" ht="15" customHeight="1">
      <c r="A472" s="87"/>
      <c r="B472" s="128"/>
      <c r="C472" s="128"/>
      <c r="D472" s="128"/>
      <c r="E472" s="128"/>
      <c r="F472" s="128"/>
      <c r="G472" s="128"/>
      <c r="H472" s="128"/>
      <c r="I472" s="128"/>
      <c r="J472" s="128"/>
      <c r="K472" s="128"/>
      <c r="L472" s="128"/>
      <c r="M472" s="128"/>
      <c r="N472" s="128"/>
      <c r="O472" s="128"/>
      <c r="P472" s="128"/>
      <c r="Q472" s="128"/>
      <c r="R472" s="128"/>
      <c r="S472" s="128"/>
      <c r="T472" s="128"/>
      <c r="U472" s="128"/>
      <c r="V472" s="128"/>
      <c r="W472" s="128"/>
      <c r="X472" s="128"/>
    </row>
    <row r="473" spans="1:24" ht="15" customHeight="1">
      <c r="A473" s="87"/>
      <c r="B473" s="128"/>
      <c r="C473" s="128"/>
      <c r="D473" s="128"/>
      <c r="E473" s="128"/>
      <c r="F473" s="128"/>
      <c r="G473" s="128"/>
      <c r="H473" s="128"/>
      <c r="I473" s="128"/>
      <c r="J473" s="128"/>
      <c r="K473" s="128"/>
      <c r="L473" s="128"/>
      <c r="M473" s="128"/>
      <c r="N473" s="128"/>
      <c r="O473" s="128"/>
      <c r="P473" s="128"/>
      <c r="Q473" s="128"/>
      <c r="R473" s="128"/>
      <c r="S473" s="128"/>
      <c r="T473" s="128"/>
      <c r="U473" s="128"/>
      <c r="V473" s="128"/>
      <c r="W473" s="128"/>
      <c r="X473" s="128"/>
    </row>
    <row r="474" spans="1:24" ht="15" customHeight="1">
      <c r="A474" s="87"/>
      <c r="B474" s="128"/>
      <c r="C474" s="128"/>
      <c r="D474" s="128"/>
      <c r="E474" s="128"/>
      <c r="F474" s="128"/>
      <c r="G474" s="128"/>
      <c r="H474" s="128"/>
      <c r="I474" s="128"/>
      <c r="J474" s="128"/>
      <c r="K474" s="128"/>
      <c r="L474" s="128"/>
      <c r="M474" s="128"/>
      <c r="N474" s="128"/>
      <c r="O474" s="128"/>
      <c r="P474" s="128"/>
      <c r="Q474" s="128"/>
      <c r="R474" s="128"/>
      <c r="S474" s="128"/>
      <c r="T474" s="128"/>
      <c r="U474" s="128"/>
      <c r="V474" s="128"/>
      <c r="W474" s="128"/>
      <c r="X474" s="128"/>
    </row>
    <row r="475" spans="1:24" ht="15" customHeight="1">
      <c r="A475" s="87"/>
      <c r="B475" s="128"/>
      <c r="C475" s="128"/>
      <c r="D475" s="128"/>
      <c r="E475" s="128"/>
      <c r="F475" s="128"/>
      <c r="G475" s="128"/>
      <c r="H475" s="128"/>
      <c r="I475" s="128"/>
      <c r="J475" s="128"/>
      <c r="K475" s="128"/>
      <c r="L475" s="128"/>
      <c r="M475" s="128"/>
      <c r="N475" s="128"/>
      <c r="O475" s="128"/>
      <c r="P475" s="128"/>
      <c r="Q475" s="128"/>
      <c r="R475" s="128"/>
      <c r="S475" s="128"/>
      <c r="T475" s="128"/>
      <c r="U475" s="128"/>
      <c r="V475" s="128"/>
      <c r="W475" s="128"/>
      <c r="X475" s="128"/>
    </row>
    <row r="476" spans="1:24" ht="15" customHeight="1">
      <c r="A476" s="87"/>
      <c r="B476" s="128"/>
      <c r="C476" s="128"/>
      <c r="D476" s="128"/>
      <c r="E476" s="128"/>
      <c r="F476" s="128"/>
      <c r="G476" s="128"/>
      <c r="H476" s="128"/>
      <c r="I476" s="128"/>
      <c r="J476" s="128"/>
      <c r="K476" s="128"/>
      <c r="L476" s="128"/>
      <c r="M476" s="128"/>
      <c r="N476" s="128"/>
      <c r="O476" s="128"/>
      <c r="P476" s="128"/>
      <c r="Q476" s="128"/>
      <c r="R476" s="128"/>
      <c r="S476" s="128"/>
      <c r="T476" s="128"/>
      <c r="U476" s="128"/>
      <c r="V476" s="128"/>
      <c r="W476" s="128"/>
      <c r="X476" s="128"/>
    </row>
    <row r="477" spans="1:24" ht="15" customHeight="1">
      <c r="A477" s="87"/>
      <c r="B477" s="128"/>
      <c r="C477" s="128"/>
      <c r="D477" s="128"/>
      <c r="E477" s="128"/>
      <c r="F477" s="128"/>
      <c r="G477" s="128"/>
      <c r="H477" s="128"/>
      <c r="I477" s="128"/>
      <c r="J477" s="128"/>
      <c r="K477" s="128"/>
      <c r="L477" s="128"/>
      <c r="M477" s="128"/>
      <c r="N477" s="128"/>
      <c r="O477" s="128"/>
      <c r="P477" s="128"/>
      <c r="Q477" s="128"/>
      <c r="R477" s="128"/>
      <c r="S477" s="128"/>
      <c r="T477" s="128"/>
      <c r="U477" s="128"/>
      <c r="V477" s="128"/>
      <c r="W477" s="128"/>
      <c r="X477" s="128"/>
    </row>
    <row r="478" spans="1:24" ht="15" customHeight="1">
      <c r="A478" s="87"/>
      <c r="B478" s="128"/>
      <c r="C478" s="128"/>
      <c r="D478" s="128"/>
      <c r="E478" s="128"/>
      <c r="F478" s="128"/>
      <c r="G478" s="128"/>
      <c r="H478" s="128"/>
      <c r="I478" s="128"/>
      <c r="J478" s="128"/>
      <c r="K478" s="128"/>
      <c r="L478" s="128"/>
      <c r="M478" s="128"/>
      <c r="N478" s="128"/>
      <c r="O478" s="128"/>
      <c r="P478" s="128"/>
      <c r="Q478" s="128"/>
      <c r="R478" s="128"/>
      <c r="S478" s="128"/>
      <c r="T478" s="128"/>
      <c r="U478" s="128"/>
      <c r="V478" s="128"/>
      <c r="W478" s="128"/>
      <c r="X478" s="128"/>
    </row>
    <row r="479" spans="1:24" ht="15" customHeight="1">
      <c r="A479" s="87"/>
      <c r="B479" s="128"/>
      <c r="C479" s="128"/>
      <c r="D479" s="128"/>
      <c r="E479" s="128"/>
      <c r="F479" s="128"/>
      <c r="G479" s="128"/>
      <c r="H479" s="128"/>
      <c r="I479" s="128"/>
      <c r="J479" s="128"/>
      <c r="K479" s="128"/>
      <c r="L479" s="128"/>
      <c r="M479" s="128"/>
      <c r="N479" s="128"/>
      <c r="O479" s="128"/>
      <c r="P479" s="128"/>
      <c r="Q479" s="128"/>
      <c r="R479" s="128"/>
      <c r="S479" s="128"/>
      <c r="T479" s="128"/>
      <c r="U479" s="128"/>
      <c r="V479" s="128"/>
      <c r="W479" s="128"/>
      <c r="X479" s="128"/>
    </row>
    <row r="480" spans="1:24" ht="15" customHeight="1">
      <c r="A480" s="87"/>
      <c r="B480" s="128"/>
      <c r="C480" s="128"/>
      <c r="D480" s="128"/>
      <c r="E480" s="128"/>
      <c r="F480" s="128"/>
      <c r="G480" s="128"/>
      <c r="H480" s="128"/>
      <c r="I480" s="128"/>
      <c r="J480" s="128"/>
      <c r="K480" s="128"/>
      <c r="L480" s="128"/>
      <c r="M480" s="128"/>
      <c r="N480" s="128"/>
      <c r="O480" s="128"/>
      <c r="P480" s="128"/>
      <c r="Q480" s="128"/>
      <c r="R480" s="128"/>
      <c r="S480" s="128"/>
      <c r="T480" s="128"/>
      <c r="U480" s="128"/>
      <c r="V480" s="128"/>
      <c r="W480" s="128"/>
      <c r="X480" s="128"/>
    </row>
    <row r="481" spans="1:24" ht="15" customHeight="1">
      <c r="A481" s="87"/>
      <c r="B481" s="128"/>
      <c r="C481" s="128"/>
      <c r="D481" s="128"/>
      <c r="E481" s="128"/>
      <c r="F481" s="128"/>
      <c r="G481" s="128"/>
      <c r="H481" s="128"/>
      <c r="I481" s="128"/>
      <c r="J481" s="128"/>
      <c r="K481" s="128"/>
      <c r="L481" s="128"/>
      <c r="M481" s="128"/>
      <c r="N481" s="128"/>
      <c r="O481" s="128"/>
      <c r="P481" s="128"/>
      <c r="Q481" s="128"/>
      <c r="R481" s="128"/>
      <c r="S481" s="128"/>
      <c r="T481" s="128"/>
      <c r="U481" s="128"/>
      <c r="V481" s="128"/>
      <c r="W481" s="128"/>
      <c r="X481" s="128"/>
    </row>
    <row r="482" spans="1:24" ht="15" customHeight="1">
      <c r="A482" s="87"/>
      <c r="B482" s="128"/>
      <c r="C482" s="128"/>
      <c r="D482" s="128"/>
      <c r="E482" s="128"/>
      <c r="F482" s="128"/>
      <c r="G482" s="128"/>
      <c r="H482" s="128"/>
      <c r="I482" s="128"/>
      <c r="J482" s="128"/>
      <c r="K482" s="128"/>
      <c r="L482" s="128"/>
      <c r="M482" s="128"/>
      <c r="N482" s="128"/>
      <c r="O482" s="128"/>
      <c r="P482" s="128"/>
      <c r="Q482" s="128"/>
      <c r="R482" s="128"/>
      <c r="S482" s="128"/>
      <c r="T482" s="128"/>
      <c r="U482" s="128"/>
      <c r="V482" s="128"/>
      <c r="W482" s="128"/>
      <c r="X482" s="128"/>
    </row>
    <row r="483" spans="1:24" ht="15" customHeight="1">
      <c r="A483" s="87"/>
      <c r="B483" s="128"/>
      <c r="C483" s="128"/>
      <c r="D483" s="128"/>
      <c r="E483" s="128"/>
      <c r="F483" s="128"/>
      <c r="G483" s="128"/>
      <c r="H483" s="128"/>
      <c r="I483" s="128"/>
      <c r="J483" s="128"/>
      <c r="K483" s="128"/>
      <c r="L483" s="128"/>
      <c r="M483" s="128"/>
      <c r="N483" s="128"/>
      <c r="O483" s="128"/>
      <c r="P483" s="128"/>
      <c r="Q483" s="128"/>
      <c r="R483" s="128"/>
      <c r="S483" s="128"/>
      <c r="T483" s="128"/>
      <c r="U483" s="128"/>
      <c r="V483" s="128"/>
      <c r="W483" s="128"/>
      <c r="X483" s="128"/>
    </row>
    <row r="484" spans="1:24" ht="15" customHeight="1">
      <c r="A484" s="87"/>
      <c r="B484" s="128"/>
      <c r="C484" s="128"/>
      <c r="D484" s="128"/>
      <c r="E484" s="128"/>
      <c r="F484" s="128"/>
      <c r="G484" s="128"/>
      <c r="H484" s="128"/>
      <c r="I484" s="128"/>
      <c r="J484" s="128"/>
      <c r="K484" s="128"/>
      <c r="L484" s="128"/>
      <c r="M484" s="128"/>
      <c r="N484" s="128"/>
      <c r="O484" s="128"/>
      <c r="P484" s="128"/>
      <c r="Q484" s="128"/>
      <c r="R484" s="128"/>
      <c r="S484" s="128"/>
      <c r="T484" s="128"/>
      <c r="U484" s="128"/>
      <c r="V484" s="128"/>
      <c r="W484" s="128"/>
      <c r="X484" s="128"/>
    </row>
    <row r="485" spans="1:24" ht="15" customHeight="1">
      <c r="A485" s="87"/>
      <c r="B485" s="128"/>
      <c r="C485" s="128"/>
      <c r="D485" s="128"/>
      <c r="E485" s="128"/>
      <c r="F485" s="128"/>
      <c r="G485" s="128"/>
      <c r="H485" s="128"/>
      <c r="I485" s="128"/>
      <c r="J485" s="128"/>
      <c r="K485" s="128"/>
      <c r="L485" s="128"/>
      <c r="M485" s="128"/>
      <c r="N485" s="128"/>
      <c r="O485" s="128"/>
      <c r="P485" s="128"/>
      <c r="Q485" s="128"/>
      <c r="R485" s="128"/>
      <c r="S485" s="128"/>
      <c r="T485" s="128"/>
      <c r="U485" s="128"/>
      <c r="V485" s="128"/>
      <c r="W485" s="128"/>
      <c r="X485" s="128"/>
    </row>
    <row r="486" spans="1:24" ht="15" customHeight="1">
      <c r="A486" s="87"/>
      <c r="B486" s="128"/>
      <c r="C486" s="128"/>
      <c r="D486" s="128"/>
      <c r="E486" s="128"/>
      <c r="F486" s="128"/>
      <c r="G486" s="128"/>
      <c r="H486" s="128"/>
      <c r="I486" s="128"/>
      <c r="J486" s="128"/>
      <c r="K486" s="128"/>
      <c r="L486" s="128"/>
      <c r="M486" s="128"/>
      <c r="N486" s="128"/>
      <c r="O486" s="128"/>
      <c r="P486" s="128"/>
      <c r="Q486" s="128"/>
      <c r="R486" s="128"/>
      <c r="S486" s="128"/>
      <c r="T486" s="128"/>
      <c r="U486" s="128"/>
      <c r="V486" s="128"/>
      <c r="W486" s="128"/>
      <c r="X486" s="128"/>
    </row>
    <row r="487" spans="1:24" ht="15" customHeight="1">
      <c r="A487" s="87"/>
      <c r="B487" s="128"/>
      <c r="C487" s="128"/>
      <c r="D487" s="128"/>
      <c r="E487" s="128"/>
      <c r="F487" s="128"/>
      <c r="G487" s="128"/>
      <c r="H487" s="128"/>
      <c r="I487" s="128"/>
      <c r="J487" s="128"/>
      <c r="K487" s="128"/>
      <c r="L487" s="128"/>
      <c r="M487" s="128"/>
      <c r="N487" s="128"/>
      <c r="O487" s="128"/>
      <c r="P487" s="128"/>
      <c r="Q487" s="128"/>
      <c r="R487" s="128"/>
      <c r="S487" s="128"/>
      <c r="T487" s="128"/>
      <c r="U487" s="128"/>
      <c r="V487" s="128"/>
      <c r="W487" s="128"/>
      <c r="X487" s="128"/>
    </row>
    <row r="488" spans="1:24" ht="15" customHeight="1">
      <c r="A488" s="87"/>
      <c r="B488" s="128"/>
      <c r="C488" s="128"/>
      <c r="D488" s="128"/>
      <c r="E488" s="128"/>
      <c r="F488" s="128"/>
      <c r="G488" s="128"/>
      <c r="H488" s="128"/>
      <c r="I488" s="128"/>
      <c r="J488" s="128"/>
      <c r="K488" s="128"/>
      <c r="L488" s="128"/>
      <c r="M488" s="128"/>
      <c r="N488" s="128"/>
      <c r="O488" s="128"/>
      <c r="P488" s="128"/>
      <c r="Q488" s="128"/>
      <c r="R488" s="128"/>
      <c r="S488" s="128"/>
      <c r="T488" s="128"/>
      <c r="U488" s="128"/>
      <c r="V488" s="128"/>
      <c r="W488" s="128"/>
      <c r="X488" s="128"/>
    </row>
    <row r="489" spans="1:24" ht="15" customHeight="1">
      <c r="A489" s="87"/>
      <c r="B489" s="128"/>
      <c r="C489" s="128"/>
      <c r="D489" s="128"/>
      <c r="E489" s="128"/>
      <c r="F489" s="128"/>
      <c r="G489" s="128"/>
      <c r="H489" s="128"/>
      <c r="I489" s="128"/>
      <c r="J489" s="128"/>
      <c r="K489" s="128"/>
      <c r="L489" s="128"/>
      <c r="M489" s="128"/>
      <c r="N489" s="128"/>
      <c r="O489" s="128"/>
      <c r="P489" s="128"/>
      <c r="Q489" s="128"/>
      <c r="R489" s="128"/>
      <c r="S489" s="128"/>
      <c r="T489" s="128"/>
      <c r="U489" s="128"/>
      <c r="V489" s="128"/>
      <c r="W489" s="128"/>
      <c r="X489" s="128"/>
    </row>
    <row r="490" spans="1:24" ht="15" customHeight="1">
      <c r="A490" s="87"/>
      <c r="B490" s="128"/>
      <c r="C490" s="128"/>
      <c r="D490" s="128"/>
      <c r="E490" s="128"/>
      <c r="F490" s="128"/>
      <c r="G490" s="128"/>
      <c r="H490" s="128"/>
      <c r="I490" s="128"/>
      <c r="J490" s="128"/>
      <c r="K490" s="128"/>
      <c r="L490" s="128"/>
      <c r="M490" s="128"/>
      <c r="N490" s="128"/>
      <c r="O490" s="128"/>
      <c r="P490" s="128"/>
      <c r="Q490" s="128"/>
      <c r="R490" s="128"/>
      <c r="S490" s="128"/>
      <c r="T490" s="128"/>
      <c r="U490" s="128"/>
      <c r="V490" s="128"/>
      <c r="W490" s="128"/>
      <c r="X490" s="128"/>
    </row>
    <row r="491" spans="1:24" ht="15" customHeight="1">
      <c r="A491" s="87"/>
      <c r="B491" s="128"/>
      <c r="C491" s="128"/>
      <c r="D491" s="128"/>
      <c r="E491" s="128"/>
      <c r="F491" s="128"/>
      <c r="G491" s="128"/>
      <c r="H491" s="128"/>
      <c r="I491" s="128"/>
      <c r="J491" s="128"/>
      <c r="K491" s="128"/>
      <c r="L491" s="128"/>
      <c r="M491" s="128"/>
      <c r="N491" s="128"/>
      <c r="O491" s="128"/>
      <c r="P491" s="128"/>
      <c r="Q491" s="128"/>
      <c r="R491" s="128"/>
      <c r="S491" s="128"/>
      <c r="T491" s="128"/>
      <c r="U491" s="128"/>
      <c r="V491" s="128"/>
      <c r="W491" s="128"/>
      <c r="X491" s="128"/>
    </row>
    <row r="492" spans="1:24" ht="15" customHeight="1">
      <c r="A492" s="87"/>
      <c r="B492" s="128"/>
      <c r="C492" s="128"/>
      <c r="D492" s="128"/>
      <c r="E492" s="128"/>
      <c r="F492" s="128"/>
      <c r="G492" s="128"/>
      <c r="H492" s="128"/>
      <c r="I492" s="128"/>
      <c r="J492" s="128"/>
      <c r="K492" s="128"/>
      <c r="L492" s="128"/>
      <c r="M492" s="128"/>
      <c r="N492" s="128"/>
      <c r="O492" s="128"/>
      <c r="P492" s="128"/>
      <c r="Q492" s="128"/>
      <c r="R492" s="128"/>
      <c r="S492" s="128"/>
      <c r="T492" s="128"/>
      <c r="U492" s="128"/>
      <c r="V492" s="128"/>
      <c r="W492" s="128"/>
      <c r="X492" s="128"/>
    </row>
    <row r="493" spans="1:24" ht="15" customHeight="1">
      <c r="A493" s="87"/>
      <c r="B493" s="128"/>
      <c r="C493" s="128"/>
      <c r="D493" s="128"/>
      <c r="E493" s="128"/>
      <c r="F493" s="128"/>
      <c r="G493" s="128"/>
      <c r="H493" s="128"/>
      <c r="I493" s="128"/>
      <c r="J493" s="128"/>
      <c r="K493" s="128"/>
      <c r="L493" s="128"/>
      <c r="M493" s="128"/>
      <c r="N493" s="128"/>
      <c r="O493" s="128"/>
      <c r="P493" s="128"/>
      <c r="Q493" s="128"/>
      <c r="R493" s="128"/>
      <c r="S493" s="128"/>
      <c r="T493" s="128"/>
      <c r="U493" s="128"/>
      <c r="V493" s="128"/>
      <c r="W493" s="128"/>
      <c r="X493" s="128"/>
    </row>
    <row r="494" spans="1:24" ht="15" customHeight="1">
      <c r="A494" s="87"/>
      <c r="B494" s="128"/>
      <c r="C494" s="128"/>
      <c r="D494" s="128"/>
      <c r="E494" s="128"/>
      <c r="F494" s="128"/>
      <c r="G494" s="128"/>
      <c r="H494" s="128"/>
      <c r="I494" s="128"/>
      <c r="J494" s="128"/>
      <c r="K494" s="128"/>
      <c r="L494" s="128"/>
      <c r="M494" s="128"/>
      <c r="N494" s="128"/>
      <c r="O494" s="128"/>
      <c r="P494" s="128"/>
      <c r="Q494" s="128"/>
      <c r="R494" s="128"/>
      <c r="S494" s="128"/>
      <c r="T494" s="128"/>
      <c r="U494" s="128"/>
      <c r="V494" s="128"/>
      <c r="W494" s="128"/>
      <c r="X494" s="128"/>
    </row>
    <row r="495" spans="1:24" ht="15" customHeight="1">
      <c r="A495" s="87"/>
      <c r="B495" s="128"/>
      <c r="C495" s="128"/>
      <c r="D495" s="128"/>
      <c r="E495" s="128"/>
      <c r="F495" s="128"/>
      <c r="G495" s="128"/>
      <c r="H495" s="128"/>
      <c r="I495" s="128"/>
      <c r="J495" s="128"/>
      <c r="K495" s="128"/>
      <c r="L495" s="128"/>
      <c r="M495" s="128"/>
      <c r="N495" s="128"/>
      <c r="O495" s="128"/>
      <c r="P495" s="128"/>
      <c r="Q495" s="128"/>
      <c r="R495" s="128"/>
      <c r="S495" s="128"/>
      <c r="T495" s="128"/>
      <c r="U495" s="128"/>
      <c r="V495" s="128"/>
      <c r="W495" s="128"/>
      <c r="X495" s="128"/>
    </row>
    <row r="496" spans="1:24" ht="15" customHeight="1">
      <c r="A496" s="87"/>
      <c r="B496" s="128"/>
      <c r="C496" s="128"/>
      <c r="D496" s="128"/>
      <c r="E496" s="128"/>
      <c r="F496" s="128"/>
      <c r="G496" s="128"/>
      <c r="H496" s="128"/>
      <c r="I496" s="128"/>
      <c r="J496" s="128"/>
      <c r="K496" s="128"/>
      <c r="L496" s="128"/>
      <c r="M496" s="128"/>
      <c r="N496" s="128"/>
      <c r="O496" s="128"/>
      <c r="P496" s="128"/>
      <c r="Q496" s="128"/>
      <c r="R496" s="128"/>
      <c r="S496" s="128"/>
      <c r="T496" s="128"/>
      <c r="U496" s="128"/>
      <c r="V496" s="128"/>
      <c r="W496" s="128"/>
      <c r="X496" s="128"/>
    </row>
    <row r="497" spans="1:24" ht="15" customHeight="1">
      <c r="A497" s="87"/>
      <c r="B497" s="128"/>
      <c r="C497" s="128"/>
      <c r="D497" s="128"/>
      <c r="E497" s="128"/>
      <c r="F497" s="128"/>
      <c r="G497" s="128"/>
      <c r="H497" s="128"/>
      <c r="I497" s="128"/>
      <c r="J497" s="128"/>
      <c r="K497" s="128"/>
      <c r="L497" s="128"/>
      <c r="M497" s="128"/>
      <c r="N497" s="128"/>
      <c r="O497" s="128"/>
      <c r="P497" s="128"/>
      <c r="Q497" s="128"/>
      <c r="R497" s="128"/>
      <c r="S497" s="128"/>
      <c r="T497" s="128"/>
      <c r="U497" s="128"/>
      <c r="V497" s="128"/>
      <c r="W497" s="128"/>
      <c r="X497" s="128"/>
    </row>
    <row r="498" spans="1:24" ht="15" customHeight="1">
      <c r="A498" s="87"/>
      <c r="B498" s="128"/>
      <c r="C498" s="128"/>
      <c r="D498" s="128"/>
      <c r="E498" s="128"/>
      <c r="F498" s="128"/>
      <c r="G498" s="128"/>
      <c r="H498" s="128"/>
      <c r="I498" s="128"/>
      <c r="J498" s="128"/>
      <c r="K498" s="128"/>
      <c r="L498" s="128"/>
      <c r="M498" s="128"/>
      <c r="N498" s="128"/>
      <c r="O498" s="128"/>
      <c r="P498" s="128"/>
      <c r="Q498" s="128"/>
      <c r="R498" s="128"/>
      <c r="S498" s="128"/>
      <c r="T498" s="128"/>
      <c r="U498" s="128"/>
      <c r="V498" s="128"/>
      <c r="W498" s="128"/>
      <c r="X498" s="128"/>
    </row>
    <row r="499" spans="1:24" ht="15" customHeight="1">
      <c r="A499" s="87"/>
      <c r="B499" s="128"/>
      <c r="C499" s="128"/>
      <c r="D499" s="128"/>
      <c r="E499" s="128"/>
      <c r="F499" s="128"/>
      <c r="G499" s="128"/>
      <c r="H499" s="128"/>
      <c r="I499" s="128"/>
      <c r="J499" s="128"/>
      <c r="K499" s="128"/>
      <c r="L499" s="128"/>
      <c r="M499" s="128"/>
      <c r="N499" s="128"/>
      <c r="O499" s="128"/>
      <c r="P499" s="128"/>
      <c r="Q499" s="128"/>
      <c r="R499" s="128"/>
      <c r="S499" s="128"/>
      <c r="T499" s="128"/>
      <c r="U499" s="128"/>
      <c r="V499" s="128"/>
      <c r="W499" s="128"/>
      <c r="X499" s="128"/>
    </row>
    <row r="500" spans="1:24" ht="15" customHeight="1">
      <c r="A500" s="87"/>
      <c r="B500" s="128"/>
      <c r="C500" s="128"/>
      <c r="D500" s="128"/>
      <c r="E500" s="128"/>
      <c r="F500" s="128"/>
      <c r="G500" s="128"/>
      <c r="H500" s="128"/>
      <c r="I500" s="128"/>
      <c r="J500" s="128"/>
      <c r="K500" s="128"/>
      <c r="L500" s="128"/>
      <c r="M500" s="128"/>
      <c r="N500" s="128"/>
      <c r="O500" s="128"/>
      <c r="P500" s="128"/>
      <c r="Q500" s="128"/>
      <c r="R500" s="128"/>
      <c r="S500" s="128"/>
      <c r="T500" s="128"/>
      <c r="U500" s="128"/>
      <c r="V500" s="128"/>
      <c r="W500" s="128"/>
      <c r="X500" s="128"/>
    </row>
    <row r="501" spans="1:24" ht="15" customHeight="1">
      <c r="A501" s="87"/>
      <c r="B501" s="128"/>
      <c r="C501" s="128"/>
      <c r="D501" s="128"/>
      <c r="E501" s="128"/>
      <c r="F501" s="128"/>
      <c r="G501" s="128"/>
      <c r="H501" s="128"/>
      <c r="I501" s="128"/>
      <c r="J501" s="128"/>
      <c r="K501" s="128"/>
      <c r="L501" s="128"/>
      <c r="M501" s="128"/>
      <c r="N501" s="128"/>
      <c r="O501" s="128"/>
      <c r="P501" s="128"/>
      <c r="Q501" s="128"/>
      <c r="R501" s="128"/>
      <c r="S501" s="128"/>
      <c r="T501" s="128"/>
      <c r="U501" s="128"/>
      <c r="V501" s="128"/>
      <c r="W501" s="128"/>
      <c r="X501" s="128"/>
    </row>
    <row r="502" spans="1:24" ht="15" customHeight="1">
      <c r="A502" s="87"/>
      <c r="B502" s="128"/>
      <c r="C502" s="128"/>
      <c r="D502" s="128"/>
      <c r="E502" s="128"/>
      <c r="F502" s="128"/>
      <c r="G502" s="128"/>
      <c r="H502" s="128"/>
      <c r="I502" s="128"/>
      <c r="J502" s="128"/>
      <c r="K502" s="128"/>
      <c r="L502" s="128"/>
      <c r="M502" s="128"/>
      <c r="N502" s="128"/>
      <c r="O502" s="128"/>
      <c r="P502" s="128"/>
      <c r="Q502" s="128"/>
      <c r="R502" s="128"/>
      <c r="S502" s="128"/>
      <c r="T502" s="128"/>
      <c r="U502" s="128"/>
      <c r="V502" s="128"/>
      <c r="W502" s="128"/>
      <c r="X502" s="128"/>
    </row>
    <row r="503" spans="1:24" ht="15" customHeight="1">
      <c r="A503" s="87"/>
      <c r="B503" s="128"/>
      <c r="C503" s="128"/>
      <c r="D503" s="128"/>
      <c r="E503" s="128"/>
      <c r="F503" s="128"/>
      <c r="G503" s="128"/>
      <c r="H503" s="128"/>
      <c r="I503" s="128"/>
      <c r="J503" s="128"/>
      <c r="K503" s="128"/>
      <c r="L503" s="128"/>
      <c r="M503" s="128"/>
      <c r="N503" s="128"/>
      <c r="O503" s="128"/>
      <c r="P503" s="128"/>
      <c r="Q503" s="128"/>
      <c r="R503" s="128"/>
      <c r="S503" s="128"/>
      <c r="T503" s="128"/>
      <c r="U503" s="128"/>
      <c r="V503" s="128"/>
      <c r="W503" s="128"/>
      <c r="X503" s="128"/>
    </row>
    <row r="504" spans="1:24" ht="15" customHeight="1">
      <c r="A504" s="87"/>
      <c r="B504" s="128"/>
      <c r="C504" s="128"/>
      <c r="D504" s="128"/>
      <c r="E504" s="128"/>
      <c r="F504" s="128"/>
      <c r="G504" s="128"/>
      <c r="H504" s="128"/>
      <c r="I504" s="128"/>
      <c r="J504" s="128"/>
      <c r="K504" s="128"/>
      <c r="L504" s="128"/>
      <c r="M504" s="128"/>
      <c r="N504" s="128"/>
      <c r="O504" s="128"/>
      <c r="P504" s="128"/>
      <c r="Q504" s="128"/>
      <c r="R504" s="128"/>
      <c r="S504" s="128"/>
      <c r="T504" s="128"/>
      <c r="U504" s="128"/>
      <c r="V504" s="128"/>
      <c r="W504" s="128"/>
      <c r="X504" s="128"/>
    </row>
    <row r="505" spans="1:24" ht="15" customHeight="1">
      <c r="A505" s="87"/>
      <c r="B505" s="128"/>
      <c r="C505" s="128"/>
      <c r="D505" s="128"/>
      <c r="E505" s="128"/>
      <c r="F505" s="128"/>
      <c r="G505" s="128"/>
      <c r="H505" s="128"/>
      <c r="I505" s="128"/>
      <c r="J505" s="128"/>
      <c r="K505" s="128"/>
      <c r="L505" s="128"/>
      <c r="M505" s="128"/>
      <c r="N505" s="128"/>
      <c r="O505" s="128"/>
      <c r="P505" s="128"/>
      <c r="Q505" s="128"/>
      <c r="R505" s="128"/>
      <c r="S505" s="128"/>
      <c r="T505" s="128"/>
      <c r="U505" s="128"/>
      <c r="V505" s="128"/>
      <c r="W505" s="128"/>
      <c r="X505" s="128"/>
    </row>
    <row r="506" spans="1:24" ht="15" customHeight="1">
      <c r="A506" s="87"/>
      <c r="B506" s="128"/>
      <c r="C506" s="128"/>
      <c r="D506" s="128"/>
      <c r="E506" s="128"/>
      <c r="F506" s="128"/>
      <c r="G506" s="128"/>
      <c r="H506" s="128"/>
      <c r="I506" s="128"/>
      <c r="J506" s="128"/>
      <c r="K506" s="128"/>
      <c r="L506" s="128"/>
      <c r="M506" s="128"/>
      <c r="N506" s="128"/>
      <c r="O506" s="128"/>
      <c r="P506" s="128"/>
      <c r="Q506" s="128"/>
      <c r="R506" s="128"/>
      <c r="S506" s="128"/>
      <c r="T506" s="128"/>
      <c r="U506" s="128"/>
      <c r="V506" s="128"/>
      <c r="W506" s="128"/>
      <c r="X506" s="128"/>
    </row>
    <row r="507" spans="1:24" ht="15" customHeight="1">
      <c r="A507" s="87"/>
      <c r="B507" s="128"/>
      <c r="C507" s="128"/>
      <c r="D507" s="128"/>
      <c r="E507" s="128"/>
      <c r="F507" s="128"/>
      <c r="G507" s="128"/>
      <c r="H507" s="128"/>
      <c r="I507" s="128"/>
      <c r="J507" s="128"/>
      <c r="K507" s="128"/>
      <c r="L507" s="128"/>
      <c r="M507" s="128"/>
      <c r="N507" s="128"/>
      <c r="O507" s="128"/>
      <c r="P507" s="128"/>
      <c r="Q507" s="128"/>
      <c r="R507" s="128"/>
      <c r="S507" s="128"/>
      <c r="T507" s="128"/>
      <c r="U507" s="128"/>
      <c r="V507" s="128"/>
      <c r="W507" s="128"/>
      <c r="X507" s="128"/>
    </row>
    <row r="508" spans="1:24" ht="15" customHeight="1">
      <c r="A508" s="87"/>
      <c r="B508" s="128"/>
      <c r="C508" s="128"/>
      <c r="D508" s="128"/>
      <c r="E508" s="128"/>
      <c r="F508" s="128"/>
      <c r="G508" s="128"/>
      <c r="H508" s="128"/>
      <c r="I508" s="128"/>
      <c r="J508" s="128"/>
      <c r="K508" s="128"/>
      <c r="L508" s="128"/>
      <c r="M508" s="128"/>
      <c r="N508" s="128"/>
      <c r="O508" s="128"/>
      <c r="P508" s="128"/>
      <c r="Q508" s="128"/>
      <c r="R508" s="128"/>
      <c r="S508" s="128"/>
      <c r="T508" s="128"/>
      <c r="U508" s="128"/>
      <c r="V508" s="128"/>
      <c r="W508" s="128"/>
      <c r="X508" s="128"/>
    </row>
    <row r="509" spans="1:24" ht="15" customHeight="1">
      <c r="A509" s="87"/>
      <c r="B509" s="128"/>
      <c r="C509" s="128"/>
      <c r="D509" s="128"/>
      <c r="E509" s="128"/>
      <c r="F509" s="128"/>
      <c r="G509" s="128"/>
      <c r="H509" s="128"/>
      <c r="I509" s="128"/>
      <c r="J509" s="128"/>
      <c r="K509" s="128"/>
      <c r="L509" s="128"/>
      <c r="M509" s="128"/>
      <c r="N509" s="128"/>
      <c r="O509" s="128"/>
      <c r="P509" s="128"/>
      <c r="Q509" s="128"/>
      <c r="R509" s="128"/>
      <c r="S509" s="128"/>
      <c r="T509" s="128"/>
      <c r="U509" s="128"/>
      <c r="V509" s="128"/>
      <c r="W509" s="128"/>
      <c r="X509" s="128"/>
    </row>
    <row r="510" spans="1:24" ht="15" customHeight="1">
      <c r="A510" s="87"/>
      <c r="B510" s="128"/>
      <c r="C510" s="128"/>
      <c r="D510" s="128"/>
      <c r="E510" s="128"/>
      <c r="F510" s="128"/>
      <c r="G510" s="128"/>
      <c r="H510" s="128"/>
      <c r="I510" s="128"/>
      <c r="J510" s="128"/>
      <c r="K510" s="128"/>
      <c r="L510" s="128"/>
      <c r="M510" s="128"/>
      <c r="N510" s="128"/>
      <c r="O510" s="128"/>
      <c r="P510" s="128"/>
      <c r="Q510" s="128"/>
      <c r="R510" s="128"/>
      <c r="S510" s="128"/>
      <c r="T510" s="128"/>
      <c r="U510" s="128"/>
      <c r="V510" s="128"/>
      <c r="W510" s="128"/>
      <c r="X510" s="128"/>
    </row>
    <row r="511" spans="1:24" ht="15" customHeight="1">
      <c r="A511" s="87"/>
      <c r="B511" s="128"/>
      <c r="C511" s="128"/>
      <c r="D511" s="128"/>
      <c r="E511" s="128"/>
      <c r="F511" s="128"/>
      <c r="G511" s="128"/>
      <c r="H511" s="128"/>
      <c r="I511" s="128"/>
      <c r="J511" s="128"/>
      <c r="K511" s="128"/>
      <c r="L511" s="128"/>
      <c r="M511" s="128"/>
      <c r="N511" s="128"/>
      <c r="O511" s="128"/>
      <c r="P511" s="128"/>
      <c r="Q511" s="128"/>
      <c r="R511" s="128"/>
      <c r="S511" s="128"/>
      <c r="T511" s="128"/>
      <c r="U511" s="128"/>
      <c r="V511" s="128"/>
      <c r="W511" s="128"/>
      <c r="X511" s="128"/>
    </row>
    <row r="512" spans="1:24" ht="15" customHeight="1">
      <c r="A512" s="87"/>
      <c r="B512" s="128"/>
      <c r="C512" s="128"/>
      <c r="D512" s="128"/>
      <c r="E512" s="128"/>
      <c r="F512" s="128"/>
      <c r="G512" s="128"/>
      <c r="H512" s="128"/>
      <c r="I512" s="128"/>
      <c r="J512" s="128"/>
      <c r="K512" s="128"/>
      <c r="L512" s="128"/>
      <c r="M512" s="128"/>
      <c r="N512" s="128"/>
      <c r="O512" s="128"/>
      <c r="P512" s="128"/>
      <c r="Q512" s="128"/>
      <c r="R512" s="128"/>
      <c r="S512" s="128"/>
      <c r="T512" s="128"/>
      <c r="U512" s="128"/>
      <c r="V512" s="128"/>
      <c r="W512" s="128"/>
      <c r="X512" s="128"/>
    </row>
    <row r="513" spans="1:24" ht="15" customHeight="1">
      <c r="A513" s="87"/>
      <c r="B513" s="128"/>
      <c r="C513" s="128"/>
      <c r="D513" s="128"/>
      <c r="E513" s="128"/>
      <c r="F513" s="128"/>
      <c r="G513" s="128"/>
      <c r="H513" s="128"/>
      <c r="I513" s="128"/>
      <c r="J513" s="128"/>
      <c r="K513" s="128"/>
      <c r="L513" s="128"/>
      <c r="M513" s="128"/>
      <c r="N513" s="128"/>
      <c r="O513" s="128"/>
      <c r="P513" s="128"/>
      <c r="Q513" s="128"/>
      <c r="R513" s="128"/>
      <c r="S513" s="128"/>
      <c r="T513" s="128"/>
      <c r="U513" s="128"/>
      <c r="V513" s="128"/>
      <c r="W513" s="128"/>
      <c r="X513" s="128"/>
    </row>
    <row r="514" spans="1:24" ht="15" customHeight="1">
      <c r="A514" s="87"/>
      <c r="B514" s="128"/>
      <c r="C514" s="128"/>
      <c r="D514" s="128"/>
      <c r="E514" s="128"/>
      <c r="F514" s="128"/>
      <c r="G514" s="128"/>
      <c r="H514" s="128"/>
      <c r="I514" s="128"/>
      <c r="J514" s="128"/>
      <c r="K514" s="128"/>
      <c r="L514" s="128"/>
      <c r="M514" s="128"/>
      <c r="N514" s="128"/>
      <c r="O514" s="128"/>
      <c r="P514" s="128"/>
      <c r="Q514" s="128"/>
      <c r="R514" s="128"/>
      <c r="S514" s="128"/>
      <c r="T514" s="128"/>
      <c r="U514" s="128"/>
      <c r="V514" s="128"/>
      <c r="W514" s="128"/>
      <c r="X514" s="128"/>
    </row>
    <row r="515" spans="1:24" ht="15" customHeight="1">
      <c r="A515" s="87"/>
      <c r="B515" s="128"/>
      <c r="C515" s="128"/>
      <c r="D515" s="128"/>
      <c r="E515" s="128"/>
      <c r="F515" s="128"/>
      <c r="G515" s="128"/>
      <c r="H515" s="128"/>
      <c r="I515" s="128"/>
      <c r="J515" s="128"/>
      <c r="K515" s="128"/>
      <c r="L515" s="128"/>
      <c r="M515" s="128"/>
      <c r="N515" s="128"/>
      <c r="O515" s="128"/>
      <c r="P515" s="128"/>
      <c r="Q515" s="128"/>
      <c r="R515" s="128"/>
      <c r="S515" s="128"/>
      <c r="T515" s="128"/>
      <c r="U515" s="128"/>
      <c r="V515" s="128"/>
      <c r="W515" s="128"/>
      <c r="X515" s="128"/>
    </row>
    <row r="516" spans="1:24" ht="15" customHeight="1">
      <c r="A516" s="87"/>
      <c r="B516" s="128"/>
      <c r="C516" s="128"/>
      <c r="D516" s="128"/>
      <c r="E516" s="128"/>
      <c r="F516" s="128"/>
      <c r="G516" s="128"/>
      <c r="H516" s="128"/>
      <c r="I516" s="128"/>
      <c r="J516" s="128"/>
      <c r="K516" s="128"/>
      <c r="L516" s="128"/>
      <c r="M516" s="128"/>
      <c r="N516" s="128"/>
      <c r="O516" s="128"/>
      <c r="P516" s="128"/>
      <c r="Q516" s="128"/>
      <c r="R516" s="128"/>
      <c r="S516" s="128"/>
      <c r="T516" s="128"/>
      <c r="U516" s="128"/>
      <c r="V516" s="128"/>
      <c r="W516" s="128"/>
      <c r="X516" s="128"/>
    </row>
    <row r="517" spans="1:24" ht="15" customHeight="1">
      <c r="A517" s="87"/>
      <c r="B517" s="128"/>
      <c r="C517" s="128"/>
      <c r="D517" s="128"/>
      <c r="E517" s="128"/>
      <c r="F517" s="128"/>
      <c r="G517" s="128"/>
      <c r="H517" s="128"/>
      <c r="I517" s="128"/>
      <c r="J517" s="128"/>
      <c r="K517" s="128"/>
      <c r="L517" s="128"/>
      <c r="M517" s="128"/>
      <c r="N517" s="128"/>
      <c r="O517" s="128"/>
      <c r="P517" s="128"/>
      <c r="Q517" s="128"/>
      <c r="R517" s="128"/>
      <c r="S517" s="128"/>
      <c r="T517" s="128"/>
      <c r="U517" s="128"/>
      <c r="V517" s="128"/>
      <c r="W517" s="128"/>
      <c r="X517" s="128"/>
    </row>
    <row r="518" spans="1:24" ht="15" customHeight="1">
      <c r="A518" s="87"/>
      <c r="B518" s="128"/>
      <c r="C518" s="128"/>
      <c r="D518" s="128"/>
      <c r="E518" s="128"/>
      <c r="F518" s="128"/>
      <c r="G518" s="128"/>
      <c r="H518" s="128"/>
      <c r="I518" s="128"/>
      <c r="J518" s="128"/>
      <c r="K518" s="128"/>
      <c r="L518" s="128"/>
      <c r="M518" s="128"/>
      <c r="N518" s="128"/>
      <c r="O518" s="128"/>
      <c r="P518" s="128"/>
      <c r="Q518" s="128"/>
      <c r="R518" s="128"/>
      <c r="S518" s="128"/>
      <c r="T518" s="128"/>
      <c r="U518" s="128"/>
      <c r="V518" s="128"/>
      <c r="W518" s="128"/>
      <c r="X518" s="128"/>
    </row>
    <row r="519" spans="1:24" ht="15" customHeight="1">
      <c r="A519" s="87"/>
      <c r="B519" s="128"/>
      <c r="C519" s="128"/>
      <c r="D519" s="128"/>
      <c r="E519" s="128"/>
      <c r="F519" s="128"/>
      <c r="G519" s="128"/>
      <c r="H519" s="128"/>
      <c r="I519" s="128"/>
      <c r="J519" s="128"/>
      <c r="K519" s="128"/>
      <c r="L519" s="128"/>
      <c r="M519" s="128"/>
      <c r="N519" s="128"/>
      <c r="O519" s="128"/>
      <c r="P519" s="128"/>
      <c r="Q519" s="128"/>
      <c r="R519" s="128"/>
      <c r="S519" s="128"/>
      <c r="T519" s="128"/>
      <c r="U519" s="128"/>
      <c r="V519" s="128"/>
      <c r="W519" s="128"/>
      <c r="X519" s="128"/>
    </row>
    <row r="520" spans="1:24" ht="15" customHeight="1">
      <c r="A520" s="87"/>
      <c r="B520" s="128"/>
      <c r="C520" s="128"/>
      <c r="D520" s="128"/>
      <c r="E520" s="128"/>
      <c r="F520" s="128"/>
      <c r="G520" s="128"/>
      <c r="H520" s="128"/>
      <c r="I520" s="128"/>
      <c r="J520" s="128"/>
      <c r="K520" s="128"/>
      <c r="L520" s="128"/>
      <c r="M520" s="128"/>
      <c r="N520" s="128"/>
      <c r="O520" s="128"/>
      <c r="P520" s="128"/>
      <c r="Q520" s="128"/>
      <c r="R520" s="128"/>
      <c r="S520" s="128"/>
      <c r="T520" s="128"/>
      <c r="U520" s="128"/>
      <c r="V520" s="128"/>
      <c r="W520" s="128"/>
      <c r="X520" s="128"/>
    </row>
    <row r="521" spans="1:24" ht="15" customHeight="1">
      <c r="A521" s="87"/>
      <c r="B521" s="128"/>
      <c r="C521" s="128"/>
      <c r="D521" s="128"/>
      <c r="E521" s="128"/>
      <c r="F521" s="128"/>
      <c r="G521" s="128"/>
      <c r="H521" s="128"/>
      <c r="I521" s="128"/>
      <c r="J521" s="128"/>
      <c r="K521" s="128"/>
      <c r="L521" s="128"/>
      <c r="M521" s="128"/>
      <c r="N521" s="128"/>
      <c r="O521" s="128"/>
      <c r="P521" s="128"/>
      <c r="Q521" s="128"/>
      <c r="R521" s="128"/>
      <c r="S521" s="128"/>
      <c r="T521" s="128"/>
      <c r="U521" s="128"/>
      <c r="V521" s="128"/>
      <c r="W521" s="128"/>
      <c r="X521" s="128"/>
    </row>
    <row r="522" spans="1:24" ht="15" customHeight="1">
      <c r="A522" s="87"/>
      <c r="B522" s="128"/>
      <c r="C522" s="128"/>
      <c r="D522" s="128"/>
      <c r="E522" s="128"/>
      <c r="F522" s="128"/>
      <c r="G522" s="128"/>
      <c r="H522" s="128"/>
      <c r="I522" s="128"/>
      <c r="J522" s="128"/>
      <c r="K522" s="128"/>
      <c r="L522" s="128"/>
      <c r="M522" s="128"/>
      <c r="N522" s="128"/>
      <c r="O522" s="128"/>
      <c r="P522" s="128"/>
      <c r="Q522" s="128"/>
      <c r="R522" s="128"/>
      <c r="S522" s="128"/>
      <c r="T522" s="128"/>
      <c r="U522" s="128"/>
      <c r="V522" s="128"/>
      <c r="W522" s="128"/>
      <c r="X522" s="128"/>
    </row>
    <row r="523" spans="1:24" ht="15" customHeight="1">
      <c r="A523" s="87"/>
      <c r="B523" s="128"/>
      <c r="C523" s="128"/>
      <c r="D523" s="128"/>
      <c r="E523" s="128"/>
      <c r="F523" s="128"/>
      <c r="G523" s="128"/>
      <c r="H523" s="128"/>
      <c r="I523" s="128"/>
      <c r="J523" s="128"/>
      <c r="K523" s="128"/>
      <c r="L523" s="128"/>
      <c r="M523" s="128"/>
      <c r="N523" s="128"/>
      <c r="O523" s="128"/>
      <c r="P523" s="128"/>
      <c r="Q523" s="128"/>
      <c r="R523" s="128"/>
      <c r="S523" s="128"/>
      <c r="T523" s="128"/>
      <c r="U523" s="128"/>
      <c r="V523" s="128"/>
      <c r="W523" s="128"/>
      <c r="X523" s="128"/>
    </row>
    <row r="524" spans="1:24" ht="15" customHeight="1">
      <c r="A524" s="87"/>
      <c r="B524" s="128"/>
      <c r="C524" s="128"/>
      <c r="D524" s="128"/>
      <c r="E524" s="128"/>
      <c r="F524" s="128"/>
      <c r="G524" s="128"/>
      <c r="H524" s="128"/>
      <c r="I524" s="128"/>
      <c r="J524" s="128"/>
      <c r="K524" s="128"/>
      <c r="L524" s="128"/>
      <c r="M524" s="128"/>
      <c r="N524" s="128"/>
      <c r="O524" s="128"/>
      <c r="P524" s="128"/>
      <c r="Q524" s="128"/>
      <c r="R524" s="128"/>
      <c r="S524" s="128"/>
      <c r="T524" s="128"/>
      <c r="U524" s="128"/>
      <c r="V524" s="128"/>
      <c r="W524" s="128"/>
      <c r="X524" s="128"/>
    </row>
    <row r="525" spans="1:24" ht="15" customHeight="1">
      <c r="A525" s="87"/>
      <c r="B525" s="128"/>
      <c r="C525" s="128"/>
      <c r="D525" s="128"/>
      <c r="E525" s="128"/>
      <c r="F525" s="128"/>
      <c r="G525" s="128"/>
      <c r="H525" s="128"/>
      <c r="I525" s="128"/>
      <c r="J525" s="128"/>
      <c r="K525" s="128"/>
      <c r="L525" s="128"/>
      <c r="M525" s="128"/>
      <c r="N525" s="128"/>
      <c r="O525" s="128"/>
      <c r="P525" s="128"/>
      <c r="Q525" s="128"/>
      <c r="R525" s="128"/>
      <c r="S525" s="128"/>
      <c r="T525" s="128"/>
      <c r="U525" s="128"/>
      <c r="V525" s="128"/>
      <c r="W525" s="128"/>
      <c r="X525" s="128"/>
    </row>
    <row r="526" spans="1:24" ht="15" customHeight="1">
      <c r="A526" s="87"/>
      <c r="B526" s="128"/>
      <c r="C526" s="128"/>
      <c r="D526" s="128"/>
      <c r="E526" s="128"/>
      <c r="F526" s="128"/>
      <c r="G526" s="128"/>
      <c r="H526" s="128"/>
      <c r="I526" s="128"/>
      <c r="J526" s="128"/>
      <c r="K526" s="128"/>
      <c r="L526" s="128"/>
      <c r="M526" s="128"/>
      <c r="N526" s="128"/>
      <c r="O526" s="128"/>
      <c r="P526" s="128"/>
      <c r="Q526" s="128"/>
      <c r="R526" s="128"/>
      <c r="S526" s="128"/>
      <c r="T526" s="128"/>
      <c r="U526" s="128"/>
      <c r="V526" s="128"/>
      <c r="W526" s="128"/>
      <c r="X526" s="128"/>
    </row>
    <row r="527" spans="1:24" ht="15" customHeight="1">
      <c r="A527" s="87"/>
      <c r="B527" s="128"/>
      <c r="C527" s="128"/>
      <c r="D527" s="128"/>
      <c r="E527" s="128"/>
      <c r="F527" s="128"/>
      <c r="G527" s="128"/>
      <c r="H527" s="128"/>
      <c r="I527" s="128"/>
      <c r="J527" s="128"/>
      <c r="K527" s="128"/>
      <c r="L527" s="128"/>
      <c r="M527" s="128"/>
      <c r="N527" s="128"/>
      <c r="O527" s="128"/>
      <c r="P527" s="128"/>
      <c r="Q527" s="128"/>
      <c r="R527" s="128"/>
      <c r="S527" s="128"/>
      <c r="T527" s="128"/>
      <c r="U527" s="128"/>
      <c r="V527" s="128"/>
      <c r="W527" s="128"/>
      <c r="X527" s="128"/>
    </row>
    <row r="528" spans="1:24" ht="15" customHeight="1">
      <c r="A528" s="87"/>
      <c r="B528" s="128"/>
      <c r="C528" s="128"/>
      <c r="D528" s="128"/>
      <c r="E528" s="128"/>
      <c r="F528" s="128"/>
      <c r="G528" s="128"/>
      <c r="H528" s="128"/>
      <c r="I528" s="128"/>
      <c r="J528" s="128"/>
      <c r="K528" s="128"/>
      <c r="L528" s="128"/>
      <c r="M528" s="128"/>
      <c r="N528" s="128"/>
      <c r="O528" s="128"/>
      <c r="P528" s="128"/>
      <c r="Q528" s="128"/>
      <c r="R528" s="128"/>
      <c r="S528" s="128"/>
      <c r="T528" s="128"/>
      <c r="U528" s="128"/>
      <c r="V528" s="128"/>
      <c r="W528" s="128"/>
      <c r="X528" s="128"/>
    </row>
    <row r="529" spans="1:24" ht="15" customHeight="1">
      <c r="A529" s="87"/>
      <c r="B529" s="128"/>
      <c r="C529" s="128"/>
      <c r="D529" s="128"/>
      <c r="E529" s="128"/>
      <c r="F529" s="128"/>
      <c r="G529" s="128"/>
      <c r="H529" s="128"/>
      <c r="I529" s="128"/>
      <c r="J529" s="128"/>
      <c r="K529" s="128"/>
      <c r="L529" s="128"/>
      <c r="M529" s="128"/>
      <c r="N529" s="128"/>
      <c r="O529" s="128"/>
      <c r="P529" s="128"/>
      <c r="Q529" s="128"/>
      <c r="R529" s="128"/>
      <c r="S529" s="128"/>
      <c r="T529" s="128"/>
      <c r="U529" s="128"/>
      <c r="V529" s="128"/>
      <c r="W529" s="128"/>
      <c r="X529" s="128"/>
    </row>
    <row r="530" spans="1:24" ht="15" customHeight="1">
      <c r="A530" s="87"/>
      <c r="B530" s="128"/>
      <c r="C530" s="128"/>
      <c r="D530" s="128"/>
      <c r="E530" s="128"/>
      <c r="F530" s="128"/>
      <c r="G530" s="128"/>
      <c r="H530" s="128"/>
      <c r="I530" s="128"/>
      <c r="J530" s="128"/>
      <c r="K530" s="128"/>
      <c r="L530" s="128"/>
      <c r="M530" s="128"/>
      <c r="N530" s="128"/>
      <c r="O530" s="128"/>
      <c r="P530" s="128"/>
      <c r="Q530" s="128"/>
      <c r="R530" s="128"/>
      <c r="S530" s="128"/>
      <c r="T530" s="128"/>
      <c r="U530" s="128"/>
      <c r="V530" s="128"/>
      <c r="W530" s="128"/>
      <c r="X530" s="128"/>
    </row>
    <row r="531" spans="1:24" ht="15" customHeight="1">
      <c r="A531" s="87"/>
      <c r="B531" s="128"/>
      <c r="C531" s="128"/>
      <c r="D531" s="128"/>
      <c r="E531" s="128"/>
      <c r="F531" s="128"/>
      <c r="G531" s="128"/>
      <c r="H531" s="128"/>
      <c r="I531" s="128"/>
      <c r="J531" s="128"/>
      <c r="K531" s="128"/>
      <c r="L531" s="128"/>
      <c r="M531" s="128"/>
      <c r="N531" s="128"/>
      <c r="O531" s="128"/>
      <c r="P531" s="128"/>
      <c r="Q531" s="128"/>
      <c r="R531" s="128"/>
      <c r="S531" s="128"/>
      <c r="T531" s="128"/>
      <c r="U531" s="128"/>
      <c r="V531" s="128"/>
      <c r="W531" s="128"/>
      <c r="X531" s="128"/>
    </row>
    <row r="532" spans="1:24" ht="15" customHeight="1">
      <c r="A532" s="87"/>
      <c r="B532" s="128"/>
      <c r="C532" s="128"/>
      <c r="D532" s="128"/>
      <c r="E532" s="128"/>
      <c r="F532" s="128"/>
      <c r="G532" s="128"/>
      <c r="H532" s="128"/>
      <c r="I532" s="128"/>
      <c r="J532" s="128"/>
      <c r="K532" s="128"/>
      <c r="L532" s="128"/>
      <c r="M532" s="128"/>
      <c r="N532" s="128"/>
      <c r="O532" s="128"/>
      <c r="P532" s="128"/>
      <c r="Q532" s="128"/>
      <c r="R532" s="128"/>
      <c r="S532" s="128"/>
      <c r="T532" s="128"/>
      <c r="U532" s="128"/>
      <c r="V532" s="128"/>
      <c r="W532" s="128"/>
      <c r="X532" s="128"/>
    </row>
    <row r="533" spans="1:24" ht="15" customHeight="1">
      <c r="A533" s="87"/>
      <c r="B533" s="128"/>
      <c r="C533" s="128"/>
      <c r="D533" s="128"/>
      <c r="E533" s="128"/>
      <c r="F533" s="128"/>
      <c r="G533" s="128"/>
      <c r="H533" s="128"/>
      <c r="I533" s="128"/>
      <c r="J533" s="128"/>
      <c r="K533" s="128"/>
      <c r="L533" s="128"/>
      <c r="M533" s="128"/>
      <c r="N533" s="128"/>
      <c r="O533" s="128"/>
      <c r="P533" s="128"/>
      <c r="Q533" s="128"/>
      <c r="R533" s="128"/>
      <c r="S533" s="128"/>
      <c r="T533" s="128"/>
      <c r="U533" s="128"/>
      <c r="V533" s="128"/>
      <c r="W533" s="128"/>
      <c r="X533" s="128"/>
    </row>
    <row r="534" spans="1:24" ht="15" customHeight="1">
      <c r="A534" s="87"/>
      <c r="B534" s="128"/>
      <c r="C534" s="128"/>
      <c r="D534" s="128"/>
      <c r="E534" s="128"/>
      <c r="F534" s="128"/>
      <c r="G534" s="128"/>
      <c r="H534" s="128"/>
      <c r="I534" s="128"/>
      <c r="J534" s="128"/>
      <c r="K534" s="128"/>
      <c r="L534" s="128"/>
      <c r="M534" s="128"/>
      <c r="N534" s="128"/>
      <c r="O534" s="128"/>
      <c r="P534" s="128"/>
      <c r="Q534" s="128"/>
      <c r="R534" s="128"/>
      <c r="S534" s="128"/>
      <c r="T534" s="128"/>
      <c r="U534" s="128"/>
      <c r="V534" s="128"/>
      <c r="W534" s="128"/>
      <c r="X534" s="128"/>
    </row>
    <row r="535" spans="1:24" ht="15" customHeight="1">
      <c r="A535" s="87"/>
      <c r="B535" s="128"/>
      <c r="C535" s="128"/>
      <c r="D535" s="128"/>
      <c r="E535" s="128"/>
      <c r="F535" s="128"/>
      <c r="G535" s="128"/>
      <c r="H535" s="128"/>
      <c r="I535" s="128"/>
      <c r="J535" s="128"/>
      <c r="K535" s="128"/>
      <c r="L535" s="128"/>
      <c r="M535" s="128"/>
      <c r="N535" s="128"/>
      <c r="O535" s="128"/>
      <c r="P535" s="128"/>
      <c r="Q535" s="128"/>
      <c r="R535" s="128"/>
      <c r="S535" s="128"/>
      <c r="T535" s="128"/>
      <c r="U535" s="128"/>
      <c r="V535" s="128"/>
      <c r="W535" s="128"/>
      <c r="X535" s="128"/>
    </row>
    <row r="536" spans="1:24" ht="15" customHeight="1">
      <c r="A536" s="87"/>
      <c r="B536" s="128"/>
      <c r="C536" s="128"/>
      <c r="D536" s="128"/>
      <c r="E536" s="128"/>
      <c r="F536" s="128"/>
      <c r="G536" s="128"/>
      <c r="H536" s="128"/>
      <c r="I536" s="128"/>
      <c r="J536" s="128"/>
      <c r="K536" s="128"/>
      <c r="L536" s="128"/>
      <c r="M536" s="128"/>
      <c r="N536" s="128"/>
      <c r="O536" s="128"/>
      <c r="P536" s="128"/>
      <c r="Q536" s="128"/>
      <c r="R536" s="128"/>
      <c r="S536" s="128"/>
      <c r="T536" s="128"/>
      <c r="U536" s="128"/>
      <c r="V536" s="128"/>
      <c r="W536" s="128"/>
      <c r="X536" s="128"/>
    </row>
    <row r="537" spans="1:24" ht="15" customHeight="1">
      <c r="A537" s="87"/>
      <c r="B537" s="128"/>
      <c r="C537" s="128"/>
      <c r="D537" s="128"/>
      <c r="E537" s="128"/>
      <c r="F537" s="128"/>
      <c r="G537" s="128"/>
      <c r="H537" s="128"/>
      <c r="I537" s="128"/>
      <c r="J537" s="128"/>
      <c r="K537" s="128"/>
      <c r="L537" s="128"/>
      <c r="M537" s="128"/>
      <c r="N537" s="128"/>
      <c r="O537" s="128"/>
      <c r="P537" s="128"/>
      <c r="Q537" s="128"/>
      <c r="R537" s="128"/>
      <c r="S537" s="128"/>
      <c r="T537" s="128"/>
      <c r="U537" s="128"/>
      <c r="V537" s="128"/>
      <c r="W537" s="128"/>
      <c r="X537" s="128"/>
    </row>
    <row r="538" spans="1:24" ht="15" customHeight="1">
      <c r="A538" s="87"/>
      <c r="B538" s="128"/>
      <c r="C538" s="128"/>
      <c r="D538" s="128"/>
      <c r="E538" s="128"/>
      <c r="F538" s="128"/>
      <c r="G538" s="128"/>
      <c r="H538" s="128"/>
      <c r="I538" s="128"/>
      <c r="J538" s="128"/>
      <c r="K538" s="128"/>
      <c r="L538" s="128"/>
      <c r="M538" s="128"/>
      <c r="N538" s="128"/>
      <c r="O538" s="128"/>
      <c r="P538" s="128"/>
      <c r="Q538" s="128"/>
      <c r="R538" s="128"/>
      <c r="S538" s="128"/>
      <c r="T538" s="128"/>
      <c r="U538" s="128"/>
      <c r="V538" s="128"/>
      <c r="W538" s="128"/>
      <c r="X538" s="128"/>
    </row>
    <row r="539" spans="1:24" ht="15" customHeight="1">
      <c r="A539" s="87"/>
      <c r="B539" s="128"/>
      <c r="C539" s="128"/>
      <c r="D539" s="128"/>
      <c r="E539" s="128"/>
      <c r="F539" s="128"/>
      <c r="G539" s="128"/>
      <c r="H539" s="128"/>
      <c r="I539" s="128"/>
      <c r="J539" s="128"/>
      <c r="K539" s="128"/>
      <c r="L539" s="128"/>
      <c r="M539" s="128"/>
      <c r="N539" s="128"/>
      <c r="O539" s="128"/>
      <c r="P539" s="128"/>
      <c r="Q539" s="128"/>
      <c r="R539" s="128"/>
      <c r="S539" s="128"/>
      <c r="T539" s="128"/>
      <c r="U539" s="128"/>
      <c r="V539" s="128"/>
      <c r="W539" s="128"/>
      <c r="X539" s="128"/>
    </row>
    <row r="540" spans="1:24" ht="15" customHeight="1">
      <c r="A540" s="87"/>
      <c r="B540" s="128"/>
      <c r="C540" s="128"/>
      <c r="D540" s="128"/>
      <c r="E540" s="128"/>
      <c r="F540" s="128"/>
      <c r="G540" s="128"/>
      <c r="H540" s="128"/>
      <c r="I540" s="128"/>
      <c r="J540" s="128"/>
      <c r="K540" s="128"/>
      <c r="L540" s="128"/>
      <c r="M540" s="128"/>
      <c r="N540" s="128"/>
      <c r="O540" s="128"/>
      <c r="P540" s="128"/>
      <c r="Q540" s="128"/>
      <c r="R540" s="128"/>
      <c r="S540" s="128"/>
      <c r="T540" s="128"/>
      <c r="U540" s="128"/>
      <c r="V540" s="128"/>
      <c r="W540" s="128"/>
      <c r="X540" s="128"/>
    </row>
    <row r="541" spans="1:24" ht="15" customHeight="1">
      <c r="A541" s="87"/>
      <c r="B541" s="128"/>
      <c r="C541" s="128"/>
      <c r="D541" s="128"/>
      <c r="E541" s="128"/>
      <c r="F541" s="128"/>
      <c r="G541" s="128"/>
      <c r="H541" s="128"/>
      <c r="I541" s="128"/>
      <c r="J541" s="128"/>
      <c r="K541" s="128"/>
      <c r="L541" s="128"/>
      <c r="M541" s="128"/>
      <c r="N541" s="128"/>
      <c r="O541" s="128"/>
      <c r="P541" s="128"/>
      <c r="Q541" s="128"/>
      <c r="R541" s="128"/>
      <c r="S541" s="128"/>
      <c r="T541" s="128"/>
      <c r="U541" s="128"/>
      <c r="V541" s="128"/>
      <c r="W541" s="128"/>
      <c r="X541" s="128"/>
    </row>
    <row r="542" spans="1:24" ht="15" customHeight="1">
      <c r="A542" s="87"/>
      <c r="B542" s="128"/>
      <c r="C542" s="128"/>
      <c r="D542" s="128"/>
      <c r="E542" s="128"/>
      <c r="F542" s="128"/>
      <c r="G542" s="128"/>
      <c r="H542" s="128"/>
      <c r="I542" s="128"/>
      <c r="J542" s="128"/>
      <c r="K542" s="128"/>
      <c r="L542" s="128"/>
      <c r="M542" s="128"/>
      <c r="N542" s="128"/>
      <c r="O542" s="128"/>
      <c r="P542" s="128"/>
      <c r="Q542" s="128"/>
      <c r="R542" s="128"/>
      <c r="S542" s="128"/>
      <c r="T542" s="128"/>
      <c r="U542" s="128"/>
      <c r="V542" s="128"/>
      <c r="W542" s="128"/>
      <c r="X542" s="128"/>
    </row>
    <row r="543" spans="1:24" ht="15" customHeight="1">
      <c r="A543" s="87"/>
      <c r="B543" s="128"/>
      <c r="C543" s="128"/>
      <c r="D543" s="128"/>
      <c r="E543" s="128"/>
      <c r="F543" s="128"/>
      <c r="G543" s="128"/>
      <c r="H543" s="128"/>
      <c r="I543" s="128"/>
      <c r="J543" s="128"/>
      <c r="K543" s="128"/>
      <c r="L543" s="128"/>
      <c r="M543" s="128"/>
      <c r="N543" s="128"/>
      <c r="O543" s="128"/>
      <c r="P543" s="128"/>
      <c r="Q543" s="128"/>
      <c r="R543" s="128"/>
      <c r="S543" s="128"/>
      <c r="T543" s="128"/>
      <c r="U543" s="128"/>
      <c r="V543" s="128"/>
      <c r="W543" s="128"/>
      <c r="X543" s="128"/>
    </row>
    <row r="544" spans="1:24" ht="15" customHeight="1">
      <c r="A544" s="87"/>
      <c r="B544" s="128"/>
      <c r="C544" s="128"/>
      <c r="D544" s="128"/>
      <c r="E544" s="128"/>
      <c r="F544" s="128"/>
      <c r="G544" s="128"/>
      <c r="H544" s="128"/>
      <c r="I544" s="128"/>
      <c r="J544" s="128"/>
      <c r="K544" s="128"/>
      <c r="L544" s="128"/>
      <c r="M544" s="128"/>
      <c r="N544" s="128"/>
      <c r="O544" s="128"/>
      <c r="P544" s="128"/>
      <c r="Q544" s="128"/>
      <c r="R544" s="128"/>
      <c r="S544" s="128"/>
      <c r="T544" s="128"/>
      <c r="U544" s="128"/>
      <c r="V544" s="128"/>
      <c r="W544" s="128"/>
      <c r="X544" s="128"/>
    </row>
    <row r="545" spans="1:24" ht="15" customHeight="1">
      <c r="A545" s="87"/>
      <c r="B545" s="128"/>
      <c r="C545" s="128"/>
      <c r="D545" s="128"/>
      <c r="E545" s="128"/>
      <c r="F545" s="128"/>
      <c r="G545" s="128"/>
      <c r="H545" s="128"/>
      <c r="I545" s="128"/>
      <c r="J545" s="128"/>
      <c r="K545" s="128"/>
      <c r="L545" s="128"/>
      <c r="M545" s="128"/>
      <c r="N545" s="128"/>
      <c r="O545" s="128"/>
      <c r="P545" s="128"/>
      <c r="Q545" s="128"/>
      <c r="R545" s="128"/>
      <c r="S545" s="128"/>
      <c r="T545" s="128"/>
      <c r="U545" s="128"/>
      <c r="V545" s="128"/>
      <c r="W545" s="128"/>
      <c r="X545" s="128"/>
    </row>
    <row r="546" spans="1:24" ht="15" customHeight="1">
      <c r="A546" s="87"/>
      <c r="B546" s="128"/>
      <c r="C546" s="128"/>
      <c r="D546" s="128"/>
      <c r="E546" s="128"/>
      <c r="F546" s="128"/>
      <c r="G546" s="128"/>
      <c r="H546" s="128"/>
      <c r="I546" s="128"/>
      <c r="J546" s="128"/>
      <c r="K546" s="128"/>
      <c r="L546" s="128"/>
      <c r="M546" s="128"/>
      <c r="N546" s="128"/>
      <c r="O546" s="128"/>
      <c r="P546" s="128"/>
      <c r="Q546" s="128"/>
      <c r="R546" s="128"/>
      <c r="S546" s="128"/>
      <c r="T546" s="128"/>
      <c r="U546" s="128"/>
      <c r="V546" s="128"/>
      <c r="W546" s="128"/>
      <c r="X546" s="128"/>
    </row>
    <row r="547" spans="1:24" ht="15" customHeight="1">
      <c r="A547" s="87"/>
      <c r="B547" s="128"/>
      <c r="C547" s="128"/>
      <c r="D547" s="128"/>
      <c r="E547" s="128"/>
      <c r="F547" s="128"/>
      <c r="G547" s="128"/>
      <c r="H547" s="128"/>
      <c r="I547" s="128"/>
      <c r="J547" s="128"/>
      <c r="K547" s="128"/>
      <c r="L547" s="128"/>
      <c r="M547" s="128"/>
      <c r="N547" s="128"/>
      <c r="O547" s="128"/>
      <c r="P547" s="128"/>
      <c r="Q547" s="128"/>
      <c r="R547" s="128"/>
      <c r="S547" s="128"/>
      <c r="T547" s="128"/>
      <c r="U547" s="128"/>
      <c r="V547" s="128"/>
      <c r="W547" s="128"/>
      <c r="X547" s="128"/>
    </row>
    <row r="548" spans="1:24" ht="15" customHeight="1">
      <c r="A548" s="87"/>
      <c r="B548" s="128"/>
      <c r="C548" s="128"/>
      <c r="D548" s="128"/>
      <c r="E548" s="128"/>
      <c r="F548" s="128"/>
      <c r="G548" s="128"/>
      <c r="H548" s="128"/>
      <c r="I548" s="128"/>
      <c r="J548" s="128"/>
      <c r="K548" s="128"/>
      <c r="L548" s="128"/>
      <c r="M548" s="128"/>
      <c r="N548" s="128"/>
      <c r="O548" s="128"/>
      <c r="P548" s="128"/>
      <c r="Q548" s="128"/>
      <c r="R548" s="128"/>
      <c r="S548" s="128"/>
      <c r="T548" s="128"/>
      <c r="U548" s="128"/>
      <c r="V548" s="128"/>
      <c r="W548" s="128"/>
      <c r="X548" s="128"/>
    </row>
    <row r="549" spans="1:24" ht="15" customHeight="1">
      <c r="A549" s="87"/>
      <c r="B549" s="128"/>
      <c r="C549" s="128"/>
      <c r="D549" s="128"/>
      <c r="E549" s="128"/>
      <c r="F549" s="128"/>
      <c r="G549" s="128"/>
      <c r="H549" s="128"/>
      <c r="I549" s="128"/>
      <c r="J549" s="128"/>
      <c r="K549" s="128"/>
      <c r="L549" s="128"/>
      <c r="M549" s="128"/>
      <c r="N549" s="128"/>
      <c r="O549" s="128"/>
      <c r="P549" s="128"/>
      <c r="Q549" s="128"/>
      <c r="R549" s="128"/>
      <c r="S549" s="128"/>
      <c r="T549" s="128"/>
      <c r="U549" s="128"/>
      <c r="V549" s="128"/>
      <c r="W549" s="128"/>
      <c r="X549" s="128"/>
    </row>
    <row r="550" spans="1:24" ht="15" customHeight="1">
      <c r="A550" s="87"/>
      <c r="B550" s="128"/>
      <c r="C550" s="128"/>
      <c r="D550" s="128"/>
      <c r="E550" s="128"/>
      <c r="F550" s="128"/>
      <c r="G550" s="128"/>
      <c r="H550" s="128"/>
      <c r="I550" s="128"/>
      <c r="J550" s="128"/>
      <c r="K550" s="128"/>
      <c r="L550" s="128"/>
      <c r="M550" s="128"/>
      <c r="N550" s="128"/>
      <c r="O550" s="128"/>
      <c r="P550" s="128"/>
      <c r="Q550" s="128"/>
      <c r="R550" s="128"/>
      <c r="S550" s="128"/>
      <c r="T550" s="128"/>
      <c r="U550" s="128"/>
      <c r="V550" s="128"/>
      <c r="W550" s="128"/>
      <c r="X550" s="128"/>
    </row>
    <row r="551" spans="1:24" ht="15" customHeight="1">
      <c r="A551" s="87"/>
      <c r="B551" s="128"/>
      <c r="C551" s="128"/>
      <c r="D551" s="128"/>
      <c r="E551" s="128"/>
      <c r="F551" s="128"/>
      <c r="G551" s="128"/>
      <c r="H551" s="128"/>
      <c r="I551" s="128"/>
      <c r="J551" s="128"/>
      <c r="K551" s="128"/>
      <c r="L551" s="128"/>
      <c r="M551" s="128"/>
      <c r="N551" s="128"/>
      <c r="O551" s="128"/>
      <c r="P551" s="128"/>
      <c r="Q551" s="128"/>
      <c r="R551" s="128"/>
      <c r="S551" s="128"/>
      <c r="T551" s="128"/>
      <c r="U551" s="128"/>
      <c r="V551" s="128"/>
      <c r="W551" s="128"/>
      <c r="X551" s="128"/>
    </row>
    <row r="552" spans="1:24" ht="15" customHeight="1">
      <c r="A552" s="87"/>
      <c r="B552" s="128"/>
      <c r="C552" s="128"/>
      <c r="D552" s="128"/>
      <c r="E552" s="128"/>
      <c r="F552" s="128"/>
      <c r="G552" s="128"/>
      <c r="H552" s="128"/>
      <c r="I552" s="128"/>
      <c r="J552" s="128"/>
      <c r="K552" s="128"/>
      <c r="L552" s="128"/>
      <c r="M552" s="128"/>
      <c r="N552" s="128"/>
      <c r="O552" s="128"/>
      <c r="P552" s="128"/>
      <c r="Q552" s="128"/>
      <c r="R552" s="128"/>
      <c r="S552" s="128"/>
      <c r="T552" s="128"/>
      <c r="U552" s="128"/>
      <c r="V552" s="128"/>
      <c r="W552" s="128"/>
      <c r="X552" s="128"/>
    </row>
    <row r="553" spans="1:24" ht="15" customHeight="1">
      <c r="A553" s="87"/>
      <c r="B553" s="128"/>
      <c r="C553" s="128"/>
      <c r="D553" s="128"/>
      <c r="E553" s="128"/>
      <c r="F553" s="128"/>
      <c r="G553" s="128"/>
      <c r="H553" s="128"/>
      <c r="I553" s="128"/>
      <c r="J553" s="128"/>
      <c r="K553" s="128"/>
      <c r="L553" s="128"/>
      <c r="M553" s="128"/>
      <c r="N553" s="128"/>
      <c r="O553" s="128"/>
      <c r="P553" s="128"/>
      <c r="Q553" s="128"/>
      <c r="R553" s="128"/>
      <c r="S553" s="128"/>
      <c r="T553" s="128"/>
      <c r="U553" s="128"/>
      <c r="V553" s="128"/>
      <c r="W553" s="128"/>
      <c r="X553" s="128"/>
    </row>
    <row r="554" spans="1:24" ht="15" customHeight="1">
      <c r="A554" s="87"/>
      <c r="B554" s="128"/>
      <c r="C554" s="128"/>
      <c r="D554" s="128"/>
      <c r="E554" s="128"/>
      <c r="F554" s="128"/>
      <c r="G554" s="128"/>
      <c r="H554" s="128"/>
      <c r="I554" s="128"/>
      <c r="J554" s="128"/>
      <c r="K554" s="128"/>
      <c r="L554" s="128"/>
      <c r="M554" s="128"/>
      <c r="N554" s="128"/>
      <c r="O554" s="128"/>
      <c r="P554" s="128"/>
      <c r="Q554" s="128"/>
      <c r="R554" s="128"/>
      <c r="S554" s="128"/>
      <c r="T554" s="128"/>
      <c r="U554" s="128"/>
      <c r="V554" s="128"/>
      <c r="W554" s="128"/>
      <c r="X554" s="128"/>
    </row>
    <row r="555" spans="1:24" ht="15" customHeight="1">
      <c r="A555" s="87"/>
      <c r="B555" s="128"/>
      <c r="C555" s="128"/>
      <c r="D555" s="128"/>
      <c r="E555" s="128"/>
      <c r="F555" s="128"/>
      <c r="G555" s="128"/>
      <c r="H555" s="128"/>
      <c r="I555" s="128"/>
      <c r="J555" s="128"/>
      <c r="K555" s="128"/>
      <c r="L555" s="128"/>
      <c r="M555" s="128"/>
      <c r="N555" s="128"/>
      <c r="O555" s="128"/>
      <c r="P555" s="128"/>
      <c r="Q555" s="128"/>
      <c r="R555" s="128"/>
      <c r="S555" s="128"/>
      <c r="T555" s="128"/>
      <c r="U555" s="128"/>
      <c r="V555" s="128"/>
      <c r="W555" s="128"/>
      <c r="X555" s="128"/>
    </row>
    <row r="556" spans="1:24" ht="15" customHeight="1">
      <c r="A556" s="87"/>
      <c r="B556" s="128"/>
      <c r="C556" s="128"/>
      <c r="D556" s="128"/>
      <c r="E556" s="128"/>
      <c r="F556" s="128"/>
      <c r="G556" s="128"/>
      <c r="H556" s="128"/>
      <c r="I556" s="128"/>
      <c r="J556" s="128"/>
      <c r="K556" s="128"/>
      <c r="L556" s="128"/>
      <c r="M556" s="128"/>
      <c r="N556" s="128"/>
      <c r="O556" s="128"/>
      <c r="P556" s="128"/>
      <c r="Q556" s="128"/>
      <c r="R556" s="128"/>
      <c r="S556" s="128"/>
      <c r="T556" s="128"/>
      <c r="U556" s="128"/>
      <c r="V556" s="128"/>
      <c r="W556" s="128"/>
      <c r="X556" s="128"/>
    </row>
    <row r="557" spans="1:24" ht="15" customHeight="1">
      <c r="A557" s="87"/>
      <c r="B557" s="128"/>
      <c r="C557" s="128"/>
      <c r="D557" s="128"/>
      <c r="E557" s="128"/>
      <c r="F557" s="128"/>
      <c r="G557" s="128"/>
      <c r="H557" s="128"/>
      <c r="I557" s="128"/>
      <c r="J557" s="128"/>
      <c r="K557" s="128"/>
      <c r="L557" s="128"/>
      <c r="M557" s="128"/>
      <c r="N557" s="128"/>
      <c r="O557" s="128"/>
      <c r="P557" s="128"/>
      <c r="Q557" s="128"/>
      <c r="R557" s="128"/>
      <c r="S557" s="128"/>
      <c r="T557" s="128"/>
      <c r="U557" s="128"/>
      <c r="V557" s="128"/>
      <c r="W557" s="128"/>
      <c r="X557" s="128"/>
    </row>
    <row r="558" spans="1:24" ht="15" customHeight="1">
      <c r="A558" s="87"/>
      <c r="B558" s="128"/>
      <c r="C558" s="128"/>
      <c r="D558" s="128"/>
      <c r="E558" s="128"/>
      <c r="F558" s="128"/>
      <c r="G558" s="128"/>
      <c r="H558" s="128"/>
      <c r="I558" s="128"/>
      <c r="J558" s="128"/>
      <c r="K558" s="128"/>
      <c r="L558" s="128"/>
      <c r="M558" s="128"/>
      <c r="N558" s="128"/>
      <c r="O558" s="128"/>
      <c r="P558" s="128"/>
      <c r="Q558" s="128"/>
      <c r="R558" s="128"/>
      <c r="S558" s="128"/>
      <c r="T558" s="128"/>
      <c r="U558" s="128"/>
      <c r="V558" s="128"/>
      <c r="W558" s="128"/>
      <c r="X558" s="128"/>
    </row>
    <row r="559" spans="1:24" ht="15" customHeight="1">
      <c r="A559" s="87"/>
      <c r="B559" s="128"/>
      <c r="C559" s="128"/>
      <c r="D559" s="128"/>
      <c r="E559" s="128"/>
      <c r="F559" s="128"/>
      <c r="G559" s="128"/>
      <c r="H559" s="128"/>
      <c r="I559" s="128"/>
      <c r="J559" s="128"/>
      <c r="K559" s="128"/>
      <c r="L559" s="128"/>
      <c r="M559" s="128"/>
      <c r="N559" s="128"/>
      <c r="O559" s="128"/>
      <c r="P559" s="128"/>
      <c r="Q559" s="128"/>
      <c r="R559" s="128"/>
      <c r="S559" s="128"/>
      <c r="T559" s="128"/>
      <c r="U559" s="128"/>
      <c r="V559" s="128"/>
      <c r="W559" s="128"/>
      <c r="X559" s="128"/>
    </row>
    <row r="560" spans="1:24" ht="15" customHeight="1">
      <c r="A560" s="87"/>
      <c r="B560" s="128"/>
      <c r="C560" s="128"/>
      <c r="D560" s="128"/>
      <c r="E560" s="128"/>
      <c r="F560" s="128"/>
      <c r="G560" s="128"/>
      <c r="H560" s="128"/>
      <c r="I560" s="128"/>
      <c r="J560" s="128"/>
      <c r="K560" s="128"/>
      <c r="L560" s="128"/>
      <c r="M560" s="128"/>
      <c r="N560" s="128"/>
      <c r="O560" s="128"/>
      <c r="P560" s="128"/>
      <c r="Q560" s="128"/>
      <c r="R560" s="128"/>
      <c r="S560" s="128"/>
      <c r="T560" s="128"/>
      <c r="U560" s="128"/>
      <c r="V560" s="128"/>
      <c r="W560" s="128"/>
      <c r="X560" s="128"/>
    </row>
    <row r="561" spans="1:24" ht="15" customHeight="1">
      <c r="A561" s="87"/>
      <c r="B561" s="128"/>
      <c r="C561" s="128"/>
      <c r="D561" s="128"/>
      <c r="E561" s="128"/>
      <c r="F561" s="128"/>
      <c r="G561" s="128"/>
      <c r="H561" s="128"/>
      <c r="I561" s="128"/>
      <c r="J561" s="128"/>
      <c r="K561" s="128"/>
      <c r="L561" s="128"/>
      <c r="M561" s="128"/>
      <c r="N561" s="128"/>
      <c r="O561" s="128"/>
      <c r="P561" s="128"/>
      <c r="Q561" s="128"/>
      <c r="R561" s="128"/>
      <c r="S561" s="128"/>
      <c r="T561" s="128"/>
      <c r="U561" s="128"/>
      <c r="V561" s="128"/>
      <c r="W561" s="128"/>
      <c r="X561" s="128"/>
    </row>
    <row r="562" spans="1:24" ht="15" customHeight="1">
      <c r="A562" s="87"/>
      <c r="B562" s="128"/>
      <c r="C562" s="128"/>
      <c r="D562" s="128"/>
      <c r="E562" s="128"/>
      <c r="F562" s="128"/>
      <c r="G562" s="128"/>
      <c r="H562" s="128"/>
      <c r="I562" s="128"/>
      <c r="J562" s="128"/>
      <c r="K562" s="128"/>
      <c r="L562" s="128"/>
      <c r="M562" s="128"/>
      <c r="N562" s="128"/>
      <c r="O562" s="128"/>
      <c r="P562" s="128"/>
      <c r="Q562" s="128"/>
      <c r="R562" s="128"/>
      <c r="S562" s="128"/>
      <c r="T562" s="128"/>
      <c r="U562" s="128"/>
      <c r="V562" s="128"/>
      <c r="W562" s="128"/>
      <c r="X562" s="128"/>
    </row>
    <row r="563" spans="1:24" ht="15" customHeight="1">
      <c r="A563" s="87"/>
      <c r="B563" s="128"/>
      <c r="C563" s="128"/>
      <c r="D563" s="128"/>
      <c r="E563" s="128"/>
      <c r="F563" s="128"/>
      <c r="G563" s="128"/>
      <c r="H563" s="128"/>
      <c r="I563" s="128"/>
      <c r="J563" s="128"/>
      <c r="K563" s="128"/>
      <c r="L563" s="128"/>
      <c r="M563" s="128"/>
      <c r="N563" s="128"/>
      <c r="O563" s="128"/>
      <c r="P563" s="128"/>
      <c r="Q563" s="128"/>
      <c r="R563" s="128"/>
      <c r="S563" s="128"/>
      <c r="T563" s="128"/>
      <c r="U563" s="128"/>
      <c r="V563" s="128"/>
      <c r="W563" s="128"/>
      <c r="X563" s="128"/>
    </row>
    <row r="564" spans="1:24" ht="15" customHeight="1">
      <c r="A564" s="87"/>
      <c r="B564" s="128"/>
      <c r="C564" s="128"/>
      <c r="D564" s="128"/>
      <c r="E564" s="128"/>
      <c r="F564" s="128"/>
      <c r="G564" s="128"/>
      <c r="H564" s="128"/>
      <c r="I564" s="128"/>
      <c r="J564" s="128"/>
      <c r="K564" s="128"/>
      <c r="L564" s="128"/>
      <c r="M564" s="128"/>
      <c r="N564" s="128"/>
      <c r="O564" s="128"/>
      <c r="P564" s="128"/>
      <c r="Q564" s="128"/>
      <c r="R564" s="128"/>
      <c r="S564" s="128"/>
      <c r="T564" s="128"/>
      <c r="U564" s="128"/>
      <c r="V564" s="128"/>
      <c r="W564" s="128"/>
      <c r="X564" s="128"/>
    </row>
    <row r="565" spans="1:24" ht="15" customHeight="1">
      <c r="A565" s="87"/>
      <c r="B565" s="128"/>
      <c r="C565" s="128"/>
      <c r="D565" s="128"/>
      <c r="E565" s="128"/>
      <c r="F565" s="128"/>
      <c r="G565" s="128"/>
      <c r="H565" s="128"/>
      <c r="I565" s="128"/>
      <c r="J565" s="128"/>
      <c r="K565" s="128"/>
      <c r="L565" s="128"/>
      <c r="M565" s="128"/>
      <c r="N565" s="128"/>
      <c r="O565" s="128"/>
      <c r="P565" s="128"/>
      <c r="Q565" s="128"/>
      <c r="R565" s="128"/>
      <c r="S565" s="128"/>
      <c r="T565" s="128"/>
      <c r="U565" s="128"/>
      <c r="V565" s="128"/>
      <c r="W565" s="128"/>
      <c r="X565" s="128"/>
    </row>
    <row r="566" spans="1:24" ht="15" customHeight="1">
      <c r="A566" s="87"/>
      <c r="B566" s="128"/>
      <c r="C566" s="128"/>
      <c r="D566" s="128"/>
      <c r="E566" s="128"/>
      <c r="F566" s="128"/>
      <c r="G566" s="128"/>
      <c r="H566" s="128"/>
      <c r="I566" s="128"/>
      <c r="J566" s="128"/>
      <c r="K566" s="128"/>
      <c r="L566" s="128"/>
      <c r="M566" s="128"/>
      <c r="N566" s="128"/>
      <c r="O566" s="128"/>
      <c r="P566" s="128"/>
      <c r="Q566" s="128"/>
      <c r="R566" s="128"/>
      <c r="S566" s="128"/>
      <c r="T566" s="128"/>
      <c r="U566" s="128"/>
      <c r="V566" s="128"/>
      <c r="W566" s="128"/>
      <c r="X566" s="128"/>
    </row>
    <row r="567" spans="1:24" ht="15" customHeight="1">
      <c r="A567" s="87"/>
      <c r="B567" s="128"/>
      <c r="C567" s="128"/>
      <c r="D567" s="128"/>
      <c r="E567" s="128"/>
      <c r="F567" s="128"/>
      <c r="G567" s="128"/>
      <c r="H567" s="128"/>
      <c r="I567" s="128"/>
      <c r="J567" s="128"/>
      <c r="K567" s="128"/>
      <c r="L567" s="128"/>
      <c r="M567" s="128"/>
      <c r="N567" s="128"/>
      <c r="O567" s="128"/>
      <c r="P567" s="128"/>
      <c r="Q567" s="128"/>
      <c r="R567" s="128"/>
      <c r="S567" s="128"/>
      <c r="T567" s="128"/>
      <c r="U567" s="128"/>
      <c r="V567" s="128"/>
      <c r="W567" s="128"/>
      <c r="X567" s="128"/>
    </row>
    <row r="568" spans="1:24" ht="15" customHeight="1">
      <c r="A568" s="87"/>
      <c r="B568" s="128"/>
      <c r="C568" s="128"/>
      <c r="D568" s="128"/>
      <c r="E568" s="128"/>
      <c r="F568" s="128"/>
      <c r="G568" s="128"/>
      <c r="H568" s="128"/>
      <c r="I568" s="128"/>
      <c r="J568" s="128"/>
      <c r="K568" s="128"/>
      <c r="L568" s="128"/>
      <c r="M568" s="128"/>
      <c r="N568" s="128"/>
      <c r="O568" s="128"/>
      <c r="P568" s="128"/>
      <c r="Q568" s="128"/>
      <c r="R568" s="128"/>
      <c r="S568" s="128"/>
      <c r="T568" s="128"/>
      <c r="U568" s="128"/>
      <c r="V568" s="128"/>
      <c r="W568" s="128"/>
      <c r="X568" s="128"/>
    </row>
    <row r="569" spans="1:24" ht="15" customHeight="1">
      <c r="A569" s="87"/>
      <c r="B569" s="128"/>
      <c r="C569" s="128"/>
      <c r="D569" s="128"/>
      <c r="E569" s="128"/>
      <c r="F569" s="128"/>
      <c r="G569" s="128"/>
      <c r="H569" s="128"/>
      <c r="I569" s="128"/>
      <c r="J569" s="128"/>
      <c r="K569" s="128"/>
      <c r="L569" s="128"/>
      <c r="M569" s="128"/>
      <c r="N569" s="128"/>
      <c r="O569" s="128"/>
      <c r="P569" s="128"/>
      <c r="Q569" s="128"/>
      <c r="R569" s="128"/>
      <c r="S569" s="128"/>
      <c r="T569" s="128"/>
      <c r="U569" s="128"/>
      <c r="V569" s="128"/>
      <c r="W569" s="128"/>
      <c r="X569" s="128"/>
    </row>
    <row r="570" spans="1:24" ht="15" customHeight="1">
      <c r="A570" s="87"/>
      <c r="B570" s="128"/>
      <c r="C570" s="128"/>
      <c r="D570" s="128"/>
      <c r="E570" s="128"/>
      <c r="F570" s="128"/>
      <c r="G570" s="128"/>
      <c r="H570" s="128"/>
      <c r="I570" s="128"/>
      <c r="J570" s="128"/>
      <c r="K570" s="128"/>
      <c r="L570" s="128"/>
      <c r="M570" s="128"/>
      <c r="N570" s="128"/>
      <c r="O570" s="128"/>
      <c r="P570" s="128"/>
      <c r="Q570" s="128"/>
      <c r="R570" s="128"/>
      <c r="S570" s="128"/>
      <c r="T570" s="128"/>
      <c r="U570" s="128"/>
      <c r="V570" s="128"/>
      <c r="W570" s="128"/>
      <c r="X570" s="128"/>
    </row>
    <row r="571" spans="1:24" ht="15" customHeight="1">
      <c r="A571" s="87"/>
      <c r="B571" s="128"/>
      <c r="C571" s="128"/>
      <c r="D571" s="128"/>
      <c r="E571" s="128"/>
      <c r="F571" s="128"/>
      <c r="G571" s="128"/>
      <c r="H571" s="128"/>
      <c r="I571" s="128"/>
      <c r="J571" s="128"/>
      <c r="K571" s="128"/>
      <c r="L571" s="128"/>
      <c r="M571" s="128"/>
      <c r="N571" s="128"/>
      <c r="O571" s="128"/>
      <c r="P571" s="128"/>
      <c r="Q571" s="128"/>
      <c r="R571" s="128"/>
      <c r="S571" s="128"/>
      <c r="T571" s="128"/>
      <c r="U571" s="128"/>
      <c r="V571" s="128"/>
      <c r="W571" s="128"/>
      <c r="X571" s="128"/>
    </row>
    <row r="572" spans="1:24" ht="15" customHeight="1">
      <c r="A572" s="87"/>
      <c r="B572" s="128"/>
      <c r="C572" s="128"/>
      <c r="D572" s="128"/>
      <c r="E572" s="128"/>
      <c r="F572" s="128"/>
      <c r="G572" s="128"/>
      <c r="H572" s="128"/>
      <c r="I572" s="128"/>
      <c r="J572" s="128"/>
      <c r="K572" s="128"/>
      <c r="L572" s="128"/>
      <c r="M572" s="128"/>
      <c r="N572" s="128"/>
      <c r="O572" s="128"/>
      <c r="P572" s="128"/>
      <c r="Q572" s="128"/>
      <c r="R572" s="128"/>
      <c r="S572" s="128"/>
      <c r="T572" s="128"/>
      <c r="U572" s="128"/>
      <c r="V572" s="128"/>
      <c r="W572" s="128"/>
      <c r="X572" s="128"/>
    </row>
    <row r="573" spans="1:24" ht="15" customHeight="1">
      <c r="A573" s="87"/>
      <c r="B573" s="128"/>
      <c r="C573" s="128"/>
      <c r="D573" s="128"/>
      <c r="E573" s="128"/>
      <c r="F573" s="128"/>
      <c r="G573" s="128"/>
      <c r="H573" s="128"/>
      <c r="I573" s="128"/>
      <c r="J573" s="128"/>
      <c r="K573" s="128"/>
      <c r="L573" s="128"/>
      <c r="M573" s="128"/>
      <c r="N573" s="128"/>
      <c r="O573" s="128"/>
      <c r="P573" s="128"/>
      <c r="Q573" s="128"/>
      <c r="R573" s="128"/>
      <c r="S573" s="128"/>
      <c r="T573" s="128"/>
      <c r="U573" s="128"/>
      <c r="V573" s="128"/>
      <c r="W573" s="128"/>
      <c r="X573" s="128"/>
    </row>
    <row r="574" spans="1:24" ht="15" customHeight="1">
      <c r="A574" s="87"/>
      <c r="B574" s="128"/>
      <c r="C574" s="128"/>
      <c r="D574" s="128"/>
      <c r="E574" s="128"/>
      <c r="F574" s="128"/>
      <c r="G574" s="128"/>
      <c r="H574" s="128"/>
      <c r="I574" s="128"/>
      <c r="J574" s="128"/>
      <c r="K574" s="128"/>
      <c r="L574" s="128"/>
      <c r="M574" s="128"/>
      <c r="N574" s="128"/>
      <c r="O574" s="128"/>
      <c r="P574" s="128"/>
      <c r="Q574" s="128"/>
      <c r="R574" s="128"/>
      <c r="S574" s="128"/>
      <c r="T574" s="128"/>
      <c r="U574" s="128"/>
      <c r="V574" s="128"/>
      <c r="W574" s="128"/>
      <c r="X574" s="128"/>
    </row>
    <row r="575" spans="1:24" ht="15" customHeight="1">
      <c r="A575" s="87"/>
      <c r="B575" s="128"/>
      <c r="C575" s="128"/>
      <c r="D575" s="128"/>
      <c r="E575" s="128"/>
      <c r="F575" s="128"/>
      <c r="G575" s="128"/>
      <c r="H575" s="128"/>
      <c r="I575" s="128"/>
      <c r="J575" s="128"/>
      <c r="K575" s="128"/>
      <c r="L575" s="128"/>
      <c r="M575" s="128"/>
      <c r="N575" s="128"/>
      <c r="O575" s="128"/>
      <c r="P575" s="128"/>
      <c r="Q575" s="128"/>
      <c r="R575" s="128"/>
      <c r="S575" s="128"/>
      <c r="T575" s="128"/>
      <c r="U575" s="128"/>
      <c r="V575" s="128"/>
      <c r="W575" s="128"/>
      <c r="X575" s="128"/>
    </row>
    <row r="576" spans="1:24" ht="15" customHeight="1">
      <c r="A576" s="87"/>
      <c r="B576" s="128"/>
      <c r="C576" s="128"/>
      <c r="D576" s="128"/>
      <c r="E576" s="128"/>
      <c r="F576" s="128"/>
      <c r="G576" s="128"/>
      <c r="H576" s="128"/>
      <c r="I576" s="128"/>
      <c r="J576" s="128"/>
      <c r="K576" s="128"/>
      <c r="L576" s="128"/>
      <c r="M576" s="128"/>
      <c r="N576" s="128"/>
      <c r="O576" s="128"/>
      <c r="P576" s="128"/>
      <c r="Q576" s="128"/>
      <c r="R576" s="128"/>
      <c r="S576" s="128"/>
      <c r="T576" s="128"/>
      <c r="U576" s="128"/>
      <c r="V576" s="128"/>
      <c r="W576" s="128"/>
      <c r="X576" s="128"/>
    </row>
    <row r="577" spans="1:24" ht="15" customHeight="1">
      <c r="A577" s="87"/>
      <c r="B577" s="128"/>
      <c r="C577" s="128"/>
      <c r="D577" s="128"/>
      <c r="E577" s="128"/>
      <c r="F577" s="128"/>
      <c r="G577" s="128"/>
      <c r="H577" s="128"/>
      <c r="I577" s="128"/>
      <c r="J577" s="128"/>
      <c r="K577" s="128"/>
      <c r="L577" s="128"/>
      <c r="M577" s="128"/>
      <c r="N577" s="128"/>
      <c r="O577" s="128"/>
      <c r="P577" s="128"/>
      <c r="Q577" s="128"/>
      <c r="R577" s="128"/>
      <c r="S577" s="128"/>
      <c r="T577" s="128"/>
      <c r="U577" s="128"/>
      <c r="V577" s="128"/>
      <c r="W577" s="128"/>
      <c r="X577" s="128"/>
    </row>
    <row r="578" spans="1:24" ht="15" customHeight="1">
      <c r="A578" s="87"/>
      <c r="B578" s="128"/>
      <c r="C578" s="128"/>
      <c r="D578" s="128"/>
      <c r="E578" s="128"/>
      <c r="F578" s="128"/>
      <c r="G578" s="128"/>
      <c r="H578" s="128"/>
      <c r="I578" s="128"/>
      <c r="J578" s="128"/>
      <c r="K578" s="128"/>
      <c r="L578" s="128"/>
      <c r="M578" s="128"/>
      <c r="N578" s="128"/>
      <c r="O578" s="128"/>
      <c r="P578" s="128"/>
      <c r="Q578" s="128"/>
      <c r="R578" s="128"/>
      <c r="S578" s="128"/>
      <c r="T578" s="128"/>
      <c r="U578" s="128"/>
      <c r="V578" s="128"/>
      <c r="W578" s="128"/>
      <c r="X578" s="128"/>
    </row>
    <row r="579" spans="1:24" ht="15" customHeight="1">
      <c r="A579" s="87"/>
      <c r="B579" s="128"/>
      <c r="C579" s="128"/>
      <c r="D579" s="128"/>
      <c r="E579" s="128"/>
      <c r="F579" s="128"/>
      <c r="G579" s="128"/>
      <c r="H579" s="128"/>
      <c r="I579" s="128"/>
      <c r="J579" s="128"/>
      <c r="K579" s="128"/>
      <c r="L579" s="128"/>
      <c r="M579" s="128"/>
      <c r="N579" s="128"/>
      <c r="O579" s="128"/>
      <c r="P579" s="128"/>
      <c r="Q579" s="128"/>
      <c r="R579" s="128"/>
      <c r="S579" s="128"/>
      <c r="T579" s="128"/>
      <c r="U579" s="128"/>
      <c r="V579" s="128"/>
      <c r="W579" s="128"/>
      <c r="X579" s="128"/>
    </row>
    <row r="580" spans="1:24" ht="15" customHeight="1">
      <c r="A580" s="87"/>
      <c r="B580" s="128"/>
      <c r="C580" s="128"/>
      <c r="D580" s="128"/>
      <c r="E580" s="128"/>
      <c r="F580" s="128"/>
      <c r="G580" s="128"/>
      <c r="H580" s="128"/>
      <c r="I580" s="128"/>
      <c r="J580" s="128"/>
      <c r="K580" s="128"/>
      <c r="L580" s="128"/>
      <c r="M580" s="128"/>
      <c r="N580" s="128"/>
      <c r="O580" s="128"/>
      <c r="P580" s="128"/>
      <c r="Q580" s="128"/>
      <c r="R580" s="128"/>
      <c r="S580" s="128"/>
      <c r="T580" s="128"/>
      <c r="U580" s="128"/>
      <c r="V580" s="128"/>
      <c r="W580" s="128"/>
      <c r="X580" s="128"/>
    </row>
    <row r="581" spans="1:24" ht="15" customHeight="1">
      <c r="A581" s="87"/>
      <c r="B581" s="128"/>
      <c r="C581" s="128"/>
      <c r="D581" s="128"/>
      <c r="E581" s="128"/>
      <c r="F581" s="128"/>
      <c r="G581" s="128"/>
      <c r="H581" s="128"/>
      <c r="I581" s="128"/>
      <c r="J581" s="128"/>
      <c r="K581" s="128"/>
      <c r="L581" s="128"/>
      <c r="M581" s="128"/>
      <c r="N581" s="128"/>
      <c r="O581" s="128"/>
      <c r="P581" s="128"/>
      <c r="Q581" s="128"/>
      <c r="R581" s="128"/>
      <c r="S581" s="128"/>
      <c r="T581" s="128"/>
      <c r="U581" s="128"/>
      <c r="V581" s="128"/>
      <c r="W581" s="128"/>
      <c r="X581" s="128"/>
    </row>
    <row r="582" spans="1:24" ht="15" customHeight="1">
      <c r="A582" s="87"/>
      <c r="B582" s="128"/>
      <c r="C582" s="128"/>
      <c r="D582" s="128"/>
      <c r="E582" s="128"/>
      <c r="F582" s="128"/>
      <c r="G582" s="128"/>
      <c r="H582" s="128"/>
      <c r="I582" s="128"/>
      <c r="J582" s="128"/>
      <c r="K582" s="128"/>
      <c r="L582" s="128"/>
      <c r="M582" s="128"/>
      <c r="N582" s="128"/>
      <c r="O582" s="128"/>
      <c r="P582" s="128"/>
      <c r="Q582" s="128"/>
      <c r="R582" s="128"/>
      <c r="S582" s="128"/>
      <c r="T582" s="128"/>
      <c r="U582" s="128"/>
      <c r="V582" s="128"/>
      <c r="W582" s="128"/>
      <c r="X582" s="128"/>
    </row>
    <row r="583" spans="1:24" ht="15" customHeight="1">
      <c r="A583" s="87"/>
      <c r="B583" s="128"/>
      <c r="C583" s="128"/>
      <c r="D583" s="128"/>
      <c r="E583" s="128"/>
      <c r="F583" s="128"/>
      <c r="G583" s="128"/>
      <c r="H583" s="128"/>
      <c r="I583" s="128"/>
      <c r="J583" s="128"/>
      <c r="K583" s="128"/>
      <c r="L583" s="128"/>
      <c r="M583" s="128"/>
      <c r="N583" s="128"/>
      <c r="O583" s="128"/>
      <c r="P583" s="128"/>
      <c r="Q583" s="128"/>
      <c r="R583" s="128"/>
      <c r="S583" s="128"/>
      <c r="T583" s="128"/>
      <c r="U583" s="128"/>
      <c r="V583" s="128"/>
      <c r="W583" s="128"/>
      <c r="X583" s="128"/>
    </row>
    <row r="584" spans="1:24" ht="15" customHeight="1">
      <c r="A584" s="87"/>
      <c r="B584" s="128"/>
      <c r="C584" s="128"/>
      <c r="D584" s="128"/>
      <c r="E584" s="128"/>
      <c r="F584" s="128"/>
      <c r="G584" s="128"/>
      <c r="H584" s="128"/>
      <c r="I584" s="128"/>
      <c r="J584" s="128"/>
      <c r="K584" s="128"/>
      <c r="L584" s="128"/>
      <c r="M584" s="128"/>
      <c r="N584" s="128"/>
      <c r="O584" s="128"/>
      <c r="P584" s="128"/>
      <c r="Q584" s="128"/>
      <c r="R584" s="128"/>
      <c r="S584" s="128"/>
      <c r="T584" s="128"/>
      <c r="U584" s="128"/>
      <c r="V584" s="128"/>
      <c r="W584" s="128"/>
      <c r="X584" s="128"/>
    </row>
    <row r="585" spans="1:24" ht="15" customHeight="1">
      <c r="A585" s="87"/>
      <c r="B585" s="128"/>
      <c r="C585" s="128"/>
      <c r="D585" s="128"/>
      <c r="E585" s="128"/>
      <c r="F585" s="128"/>
      <c r="G585" s="128"/>
      <c r="H585" s="128"/>
      <c r="I585" s="128"/>
      <c r="J585" s="128"/>
      <c r="K585" s="128"/>
      <c r="L585" s="128"/>
      <c r="M585" s="128"/>
      <c r="N585" s="128"/>
      <c r="O585" s="128"/>
      <c r="P585" s="128"/>
      <c r="Q585" s="128"/>
      <c r="R585" s="128"/>
      <c r="S585" s="128"/>
      <c r="T585" s="128"/>
      <c r="U585" s="128"/>
      <c r="V585" s="128"/>
      <c r="W585" s="128"/>
      <c r="X585" s="128"/>
    </row>
    <row r="586" spans="1:24" ht="15" customHeight="1">
      <c r="A586" s="87"/>
      <c r="B586" s="128"/>
      <c r="C586" s="128"/>
      <c r="D586" s="128"/>
      <c r="E586" s="128"/>
      <c r="F586" s="128"/>
      <c r="G586" s="128"/>
      <c r="H586" s="128"/>
      <c r="I586" s="128"/>
      <c r="J586" s="128"/>
      <c r="K586" s="128"/>
      <c r="L586" s="128"/>
      <c r="M586" s="128"/>
      <c r="N586" s="128"/>
      <c r="O586" s="128"/>
      <c r="P586" s="128"/>
      <c r="Q586" s="128"/>
      <c r="R586" s="128"/>
      <c r="S586" s="128"/>
      <c r="T586" s="128"/>
      <c r="U586" s="128"/>
      <c r="V586" s="128"/>
      <c r="W586" s="128"/>
      <c r="X586" s="128"/>
    </row>
    <row r="587" spans="1:24" ht="15" customHeight="1">
      <c r="A587" s="87"/>
      <c r="B587" s="128"/>
      <c r="C587" s="128"/>
      <c r="D587" s="128"/>
      <c r="E587" s="128"/>
      <c r="F587" s="128"/>
      <c r="G587" s="128"/>
      <c r="H587" s="128"/>
      <c r="I587" s="128"/>
      <c r="J587" s="128"/>
      <c r="K587" s="128"/>
      <c r="L587" s="128"/>
      <c r="M587" s="128"/>
      <c r="N587" s="128"/>
      <c r="O587" s="128"/>
      <c r="P587" s="128"/>
      <c r="Q587" s="128"/>
      <c r="R587" s="128"/>
      <c r="S587" s="128"/>
      <c r="T587" s="128"/>
      <c r="U587" s="128"/>
      <c r="V587" s="128"/>
      <c r="W587" s="128"/>
      <c r="X587" s="128"/>
    </row>
    <row r="588" spans="1:24" ht="15" customHeight="1">
      <c r="A588" s="87"/>
      <c r="B588" s="128"/>
      <c r="C588" s="128"/>
      <c r="D588" s="128"/>
      <c r="E588" s="128"/>
      <c r="F588" s="128"/>
      <c r="G588" s="128"/>
      <c r="H588" s="128"/>
      <c r="I588" s="128"/>
      <c r="J588" s="128"/>
      <c r="K588" s="128"/>
      <c r="L588" s="128"/>
      <c r="M588" s="128"/>
      <c r="N588" s="128"/>
      <c r="O588" s="128"/>
      <c r="P588" s="128"/>
      <c r="Q588" s="128"/>
      <c r="R588" s="128"/>
      <c r="S588" s="128"/>
      <c r="T588" s="128"/>
      <c r="U588" s="128"/>
      <c r="V588" s="128"/>
      <c r="W588" s="128"/>
      <c r="X588" s="128"/>
    </row>
    <row r="589" spans="1:24" ht="15" customHeight="1">
      <c r="A589" s="87"/>
      <c r="B589" s="128"/>
      <c r="C589" s="128"/>
      <c r="D589" s="128"/>
      <c r="E589" s="128"/>
      <c r="F589" s="128"/>
      <c r="G589" s="128"/>
      <c r="H589" s="128"/>
      <c r="I589" s="128"/>
      <c r="J589" s="128"/>
      <c r="K589" s="128"/>
      <c r="L589" s="128"/>
      <c r="M589" s="128"/>
      <c r="N589" s="128"/>
      <c r="O589" s="128"/>
      <c r="P589" s="128"/>
      <c r="Q589" s="128"/>
      <c r="R589" s="128"/>
      <c r="S589" s="128"/>
      <c r="T589" s="128"/>
      <c r="U589" s="128"/>
      <c r="V589" s="128"/>
      <c r="W589" s="128"/>
      <c r="X589" s="128"/>
    </row>
    <row r="590" spans="1:24" ht="15" customHeight="1">
      <c r="A590" s="87"/>
      <c r="B590" s="128"/>
      <c r="C590" s="128"/>
      <c r="D590" s="128"/>
      <c r="E590" s="128"/>
      <c r="F590" s="128"/>
      <c r="G590" s="128"/>
      <c r="H590" s="128"/>
      <c r="I590" s="128"/>
      <c r="J590" s="128"/>
      <c r="K590" s="128"/>
      <c r="L590" s="128"/>
      <c r="M590" s="128"/>
      <c r="N590" s="128"/>
      <c r="O590" s="128"/>
      <c r="P590" s="128"/>
      <c r="Q590" s="128"/>
      <c r="R590" s="128"/>
      <c r="S590" s="128"/>
      <c r="T590" s="128"/>
      <c r="U590" s="128"/>
      <c r="V590" s="128"/>
      <c r="W590" s="128"/>
      <c r="X590" s="128"/>
    </row>
    <row r="591" spans="1:24" ht="15" customHeight="1">
      <c r="A591" s="87"/>
      <c r="B591" s="128"/>
      <c r="C591" s="128"/>
      <c r="D591" s="128"/>
      <c r="E591" s="128"/>
      <c r="F591" s="128"/>
      <c r="G591" s="128"/>
      <c r="H591" s="128"/>
      <c r="I591" s="128"/>
      <c r="J591" s="128"/>
      <c r="K591" s="128"/>
      <c r="L591" s="128"/>
      <c r="M591" s="128"/>
      <c r="N591" s="128"/>
      <c r="O591" s="128"/>
      <c r="P591" s="128"/>
      <c r="Q591" s="128"/>
      <c r="R591" s="128"/>
      <c r="S591" s="128"/>
      <c r="T591" s="128"/>
      <c r="U591" s="128"/>
      <c r="V591" s="128"/>
      <c r="W591" s="128"/>
      <c r="X591" s="128"/>
    </row>
    <row r="592" spans="1:24" ht="15" customHeight="1">
      <c r="A592" s="87"/>
      <c r="B592" s="128"/>
      <c r="C592" s="128"/>
      <c r="D592" s="128"/>
      <c r="E592" s="128"/>
      <c r="F592" s="128"/>
      <c r="G592" s="128"/>
      <c r="H592" s="128"/>
      <c r="I592" s="128"/>
      <c r="J592" s="128"/>
      <c r="K592" s="128"/>
      <c r="L592" s="128"/>
      <c r="M592" s="128"/>
      <c r="N592" s="128"/>
      <c r="O592" s="128"/>
      <c r="P592" s="128"/>
      <c r="Q592" s="128"/>
      <c r="R592" s="128"/>
      <c r="S592" s="128"/>
      <c r="T592" s="128"/>
      <c r="U592" s="128"/>
      <c r="V592" s="128"/>
      <c r="W592" s="128"/>
      <c r="X592" s="128"/>
    </row>
    <row r="593" spans="1:24" ht="15" customHeight="1">
      <c r="A593" s="87"/>
      <c r="B593" s="128"/>
      <c r="C593" s="128"/>
      <c r="D593" s="128"/>
      <c r="E593" s="128"/>
      <c r="F593" s="128"/>
      <c r="G593" s="128"/>
      <c r="H593" s="128"/>
      <c r="I593" s="128"/>
      <c r="J593" s="128"/>
      <c r="K593" s="128"/>
      <c r="L593" s="128"/>
      <c r="M593" s="128"/>
      <c r="N593" s="128"/>
      <c r="O593" s="128"/>
      <c r="P593" s="128"/>
      <c r="Q593" s="128"/>
      <c r="R593" s="128"/>
      <c r="S593" s="128"/>
      <c r="T593" s="128"/>
      <c r="U593" s="128"/>
      <c r="V593" s="128"/>
      <c r="W593" s="128"/>
      <c r="X593" s="128"/>
    </row>
    <row r="594" spans="1:24" ht="15" customHeight="1">
      <c r="A594" s="87"/>
      <c r="B594" s="128"/>
      <c r="C594" s="128"/>
      <c r="D594" s="128"/>
      <c r="E594" s="128"/>
      <c r="F594" s="128"/>
      <c r="G594" s="128"/>
      <c r="H594" s="128"/>
      <c r="I594" s="128"/>
      <c r="J594" s="128"/>
      <c r="K594" s="128"/>
      <c r="L594" s="128"/>
      <c r="M594" s="128"/>
      <c r="N594" s="128"/>
      <c r="O594" s="128"/>
      <c r="P594" s="128"/>
      <c r="Q594" s="128"/>
      <c r="R594" s="128"/>
      <c r="S594" s="128"/>
      <c r="T594" s="128"/>
      <c r="U594" s="128"/>
      <c r="V594" s="128"/>
      <c r="W594" s="128"/>
      <c r="X594" s="128"/>
    </row>
    <row r="595" spans="1:24" ht="15" customHeight="1">
      <c r="A595" s="87"/>
      <c r="B595" s="128"/>
      <c r="C595" s="128"/>
      <c r="D595" s="128"/>
      <c r="E595" s="128"/>
      <c r="F595" s="128"/>
      <c r="G595" s="128"/>
      <c r="H595" s="128"/>
      <c r="I595" s="128"/>
      <c r="J595" s="128"/>
      <c r="K595" s="128"/>
      <c r="L595" s="128"/>
      <c r="M595" s="128"/>
      <c r="N595" s="128"/>
      <c r="O595" s="128"/>
      <c r="P595" s="128"/>
      <c r="Q595" s="128"/>
      <c r="R595" s="128"/>
      <c r="S595" s="128"/>
      <c r="T595" s="128"/>
      <c r="U595" s="128"/>
      <c r="V595" s="128"/>
      <c r="W595" s="128"/>
      <c r="X595" s="128"/>
    </row>
    <row r="596" spans="1:24" ht="15" customHeight="1">
      <c r="A596" s="87"/>
      <c r="B596" s="128"/>
      <c r="C596" s="128"/>
      <c r="D596" s="128"/>
      <c r="E596" s="128"/>
      <c r="F596" s="128"/>
      <c r="G596" s="128"/>
      <c r="H596" s="128"/>
      <c r="I596" s="128"/>
      <c r="J596" s="128"/>
      <c r="K596" s="128"/>
      <c r="L596" s="128"/>
      <c r="M596" s="128"/>
      <c r="N596" s="128"/>
      <c r="O596" s="128"/>
      <c r="P596" s="128"/>
      <c r="Q596" s="128"/>
      <c r="R596" s="128"/>
      <c r="S596" s="128"/>
      <c r="T596" s="128"/>
      <c r="U596" s="128"/>
      <c r="V596" s="128"/>
      <c r="W596" s="128"/>
      <c r="X596" s="128"/>
    </row>
    <row r="597" spans="1:24" ht="15" customHeight="1">
      <c r="A597" s="87"/>
      <c r="B597" s="128"/>
      <c r="C597" s="128"/>
      <c r="D597" s="128"/>
      <c r="E597" s="128"/>
      <c r="F597" s="128"/>
      <c r="G597" s="128"/>
      <c r="H597" s="128"/>
      <c r="I597" s="128"/>
      <c r="J597" s="128"/>
      <c r="K597" s="128"/>
      <c r="L597" s="128"/>
      <c r="M597" s="128"/>
      <c r="N597" s="128"/>
      <c r="O597" s="128"/>
      <c r="P597" s="128"/>
      <c r="Q597" s="128"/>
      <c r="R597" s="128"/>
      <c r="S597" s="128"/>
      <c r="T597" s="128"/>
      <c r="U597" s="128"/>
      <c r="V597" s="128"/>
      <c r="W597" s="128"/>
      <c r="X597" s="128"/>
    </row>
    <row r="598" spans="1:24" ht="15" customHeight="1">
      <c r="A598" s="87"/>
      <c r="B598" s="128"/>
      <c r="C598" s="128"/>
      <c r="D598" s="128"/>
      <c r="E598" s="128"/>
      <c r="F598" s="128"/>
      <c r="G598" s="128"/>
      <c r="H598" s="128"/>
      <c r="I598" s="128"/>
      <c r="J598" s="128"/>
      <c r="K598" s="128"/>
      <c r="L598" s="128"/>
      <c r="M598" s="128"/>
      <c r="N598" s="128"/>
      <c r="O598" s="128"/>
      <c r="P598" s="128"/>
      <c r="Q598" s="128"/>
      <c r="R598" s="128"/>
      <c r="S598" s="128"/>
      <c r="T598" s="128"/>
      <c r="U598" s="128"/>
      <c r="V598" s="128"/>
      <c r="W598" s="128"/>
      <c r="X598" s="128"/>
    </row>
    <row r="599" spans="1:24" ht="15" customHeight="1">
      <c r="A599" s="87"/>
      <c r="B599" s="128"/>
      <c r="C599" s="128"/>
      <c r="D599" s="128"/>
      <c r="E599" s="128"/>
      <c r="F599" s="128"/>
      <c r="G599" s="128"/>
      <c r="H599" s="128"/>
      <c r="I599" s="128"/>
      <c r="J599" s="128"/>
      <c r="K599" s="128"/>
      <c r="L599" s="128"/>
      <c r="M599" s="128"/>
      <c r="N599" s="128"/>
      <c r="O599" s="128"/>
      <c r="P599" s="128"/>
      <c r="Q599" s="128"/>
      <c r="R599" s="128"/>
      <c r="S599" s="128"/>
      <c r="T599" s="128"/>
      <c r="U599" s="128"/>
      <c r="V599" s="128"/>
      <c r="W599" s="128"/>
      <c r="X599" s="128"/>
    </row>
    <row r="600" spans="1:24" ht="15" customHeight="1">
      <c r="A600" s="87"/>
      <c r="B600" s="128"/>
      <c r="C600" s="128"/>
      <c r="D600" s="128"/>
      <c r="E600" s="128"/>
      <c r="F600" s="128"/>
      <c r="G600" s="128"/>
      <c r="H600" s="128"/>
      <c r="I600" s="128"/>
      <c r="J600" s="128"/>
      <c r="K600" s="128"/>
      <c r="L600" s="128"/>
      <c r="M600" s="128"/>
      <c r="N600" s="128"/>
      <c r="O600" s="128"/>
      <c r="P600" s="128"/>
      <c r="Q600" s="128"/>
      <c r="R600" s="128"/>
      <c r="S600" s="128"/>
      <c r="T600" s="128"/>
      <c r="U600" s="128"/>
      <c r="V600" s="128"/>
      <c r="W600" s="128"/>
      <c r="X600" s="128"/>
    </row>
    <row r="601" spans="1:24" ht="15" customHeight="1">
      <c r="A601" s="87"/>
      <c r="B601" s="128"/>
      <c r="C601" s="128"/>
      <c r="D601" s="128"/>
      <c r="E601" s="128"/>
      <c r="F601" s="128"/>
      <c r="G601" s="128"/>
      <c r="H601" s="128"/>
      <c r="I601" s="128"/>
      <c r="J601" s="128"/>
      <c r="K601" s="128"/>
      <c r="L601" s="128"/>
      <c r="M601" s="128"/>
      <c r="N601" s="128"/>
      <c r="O601" s="128"/>
      <c r="P601" s="128"/>
      <c r="Q601" s="128"/>
      <c r="R601" s="128"/>
      <c r="S601" s="128"/>
      <c r="T601" s="128"/>
      <c r="U601" s="128"/>
      <c r="V601" s="128"/>
      <c r="W601" s="128"/>
      <c r="X601" s="128"/>
    </row>
    <row r="602" spans="1:24" ht="15" customHeight="1">
      <c r="A602" s="87"/>
      <c r="B602" s="128"/>
      <c r="C602" s="128"/>
      <c r="D602" s="128"/>
      <c r="E602" s="128"/>
      <c r="F602" s="128"/>
      <c r="G602" s="128"/>
      <c r="H602" s="128"/>
      <c r="I602" s="128"/>
      <c r="J602" s="128"/>
      <c r="K602" s="128"/>
      <c r="L602" s="128"/>
      <c r="M602" s="128"/>
      <c r="N602" s="128"/>
      <c r="O602" s="128"/>
      <c r="P602" s="128"/>
      <c r="Q602" s="128"/>
      <c r="R602" s="128"/>
      <c r="S602" s="128"/>
      <c r="T602" s="128"/>
      <c r="U602" s="128"/>
      <c r="V602" s="128"/>
      <c r="W602" s="128"/>
      <c r="X602" s="128"/>
    </row>
    <row r="603" spans="1:24" ht="15" customHeight="1">
      <c r="A603" s="87"/>
      <c r="B603" s="128"/>
      <c r="C603" s="128"/>
      <c r="D603" s="128"/>
      <c r="E603" s="128"/>
      <c r="F603" s="128"/>
      <c r="G603" s="128"/>
      <c r="H603" s="128"/>
      <c r="I603" s="128"/>
      <c r="J603" s="128"/>
      <c r="K603" s="128"/>
      <c r="L603" s="128"/>
      <c r="M603" s="128"/>
      <c r="N603" s="128"/>
      <c r="O603" s="128"/>
      <c r="P603" s="128"/>
      <c r="Q603" s="128"/>
      <c r="R603" s="128"/>
      <c r="S603" s="128"/>
      <c r="T603" s="128"/>
      <c r="U603" s="128"/>
      <c r="V603" s="128"/>
      <c r="W603" s="128"/>
      <c r="X603" s="128"/>
    </row>
    <row r="604" spans="1:24" ht="15" customHeight="1">
      <c r="A604" s="87"/>
      <c r="B604" s="128"/>
      <c r="C604" s="128"/>
      <c r="D604" s="128"/>
      <c r="E604" s="128"/>
      <c r="F604" s="128"/>
      <c r="G604" s="128"/>
      <c r="H604" s="128"/>
      <c r="I604" s="128"/>
      <c r="J604" s="128"/>
      <c r="K604" s="128"/>
      <c r="L604" s="128"/>
      <c r="M604" s="128"/>
      <c r="N604" s="128"/>
      <c r="O604" s="128"/>
      <c r="P604" s="128"/>
      <c r="Q604" s="128"/>
      <c r="R604" s="128"/>
      <c r="S604" s="128"/>
      <c r="T604" s="128"/>
      <c r="U604" s="128"/>
      <c r="V604" s="128"/>
      <c r="W604" s="128"/>
      <c r="X604" s="128"/>
    </row>
    <row r="605" spans="1:24" ht="15" customHeight="1">
      <c r="A605" s="87"/>
      <c r="B605" s="128"/>
      <c r="C605" s="128"/>
      <c r="D605" s="128"/>
      <c r="E605" s="128"/>
      <c r="F605" s="128"/>
      <c r="G605" s="128"/>
      <c r="H605" s="128"/>
      <c r="I605" s="128"/>
      <c r="J605" s="128"/>
      <c r="K605" s="128"/>
      <c r="L605" s="128"/>
      <c r="M605" s="128"/>
      <c r="N605" s="128"/>
      <c r="O605" s="128"/>
      <c r="P605" s="128"/>
      <c r="Q605" s="128"/>
      <c r="R605" s="128"/>
      <c r="S605" s="128"/>
      <c r="T605" s="128"/>
      <c r="U605" s="128"/>
      <c r="V605" s="128"/>
      <c r="W605" s="128"/>
      <c r="X605" s="128"/>
    </row>
    <row r="606" spans="1:24" ht="15" customHeight="1">
      <c r="A606" s="87"/>
      <c r="B606" s="128"/>
      <c r="C606" s="128"/>
      <c r="D606" s="128"/>
      <c r="E606" s="128"/>
      <c r="F606" s="128"/>
      <c r="G606" s="128"/>
      <c r="H606" s="128"/>
      <c r="I606" s="128"/>
      <c r="J606" s="128"/>
      <c r="K606" s="128"/>
      <c r="L606" s="128"/>
      <c r="M606" s="128"/>
      <c r="N606" s="128"/>
      <c r="O606" s="128"/>
      <c r="P606" s="128"/>
      <c r="Q606" s="128"/>
      <c r="R606" s="128"/>
      <c r="S606" s="128"/>
      <c r="T606" s="128"/>
      <c r="U606" s="128"/>
      <c r="V606" s="128"/>
      <c r="W606" s="128"/>
      <c r="X606" s="128"/>
    </row>
    <row r="607" spans="1:24" ht="15" customHeight="1">
      <c r="A607" s="87"/>
      <c r="B607" s="128"/>
      <c r="C607" s="128"/>
      <c r="D607" s="128"/>
      <c r="E607" s="128"/>
      <c r="F607" s="128"/>
      <c r="G607" s="128"/>
      <c r="H607" s="128"/>
      <c r="I607" s="128"/>
      <c r="J607" s="128"/>
      <c r="K607" s="128"/>
      <c r="L607" s="128"/>
      <c r="M607" s="128"/>
      <c r="N607" s="128"/>
      <c r="O607" s="128"/>
      <c r="P607" s="128"/>
      <c r="Q607" s="128"/>
      <c r="R607" s="128"/>
      <c r="S607" s="128"/>
      <c r="T607" s="128"/>
      <c r="U607" s="128"/>
      <c r="V607" s="128"/>
      <c r="W607" s="128"/>
      <c r="X607" s="128"/>
    </row>
    <row r="608" spans="1:24" ht="15" customHeight="1">
      <c r="A608" s="87"/>
      <c r="B608" s="128"/>
      <c r="C608" s="128"/>
      <c r="D608" s="128"/>
      <c r="E608" s="128"/>
      <c r="F608" s="128"/>
      <c r="G608" s="128"/>
      <c r="H608" s="128"/>
      <c r="I608" s="128"/>
      <c r="J608" s="128"/>
      <c r="K608" s="128"/>
      <c r="L608" s="128"/>
      <c r="M608" s="128"/>
      <c r="N608" s="128"/>
      <c r="O608" s="128"/>
      <c r="P608" s="128"/>
      <c r="Q608" s="128"/>
      <c r="R608" s="128"/>
      <c r="S608" s="128"/>
      <c r="T608" s="128"/>
      <c r="U608" s="128"/>
      <c r="V608" s="128"/>
      <c r="W608" s="128"/>
      <c r="X608" s="128"/>
    </row>
    <row r="609" spans="1:24" ht="15" customHeight="1">
      <c r="A609" s="87"/>
      <c r="B609" s="128"/>
      <c r="C609" s="128"/>
      <c r="D609" s="128"/>
      <c r="E609" s="128"/>
      <c r="F609" s="128"/>
      <c r="G609" s="128"/>
      <c r="H609" s="128"/>
      <c r="I609" s="128"/>
      <c r="J609" s="128"/>
      <c r="K609" s="128"/>
      <c r="L609" s="128"/>
      <c r="M609" s="128"/>
      <c r="N609" s="128"/>
      <c r="O609" s="128"/>
      <c r="P609" s="128"/>
      <c r="Q609" s="128"/>
      <c r="R609" s="128"/>
      <c r="S609" s="128"/>
      <c r="T609" s="128"/>
      <c r="U609" s="128"/>
      <c r="V609" s="128"/>
      <c r="W609" s="128"/>
      <c r="X609" s="128"/>
    </row>
    <row r="610" spans="1:24" ht="15" customHeight="1">
      <c r="A610" s="87"/>
      <c r="B610" s="128"/>
      <c r="C610" s="128"/>
      <c r="D610" s="128"/>
      <c r="E610" s="128"/>
      <c r="F610" s="128"/>
      <c r="G610" s="128"/>
      <c r="H610" s="128"/>
      <c r="I610" s="128"/>
      <c r="J610" s="128"/>
      <c r="K610" s="128"/>
      <c r="L610" s="128"/>
      <c r="M610" s="128"/>
      <c r="N610" s="128"/>
      <c r="O610" s="128"/>
      <c r="P610" s="128"/>
      <c r="Q610" s="128"/>
      <c r="R610" s="128"/>
      <c r="S610" s="128"/>
      <c r="T610" s="128"/>
      <c r="U610" s="128"/>
      <c r="V610" s="128"/>
      <c r="W610" s="128"/>
      <c r="X610" s="128"/>
    </row>
    <row r="611" spans="1:24" ht="15" customHeight="1">
      <c r="A611" s="87"/>
      <c r="B611" s="128"/>
      <c r="C611" s="128"/>
      <c r="D611" s="128"/>
      <c r="E611" s="128"/>
      <c r="F611" s="128"/>
      <c r="G611" s="128"/>
      <c r="H611" s="128"/>
      <c r="I611" s="128"/>
      <c r="J611" s="128"/>
      <c r="K611" s="128"/>
      <c r="L611" s="128"/>
      <c r="M611" s="128"/>
      <c r="N611" s="128"/>
      <c r="O611" s="128"/>
      <c r="P611" s="128"/>
      <c r="Q611" s="128"/>
      <c r="R611" s="128"/>
      <c r="S611" s="128"/>
      <c r="T611" s="128"/>
      <c r="U611" s="128"/>
      <c r="V611" s="128"/>
      <c r="W611" s="128"/>
      <c r="X611" s="128"/>
    </row>
    <row r="612" spans="1:24" ht="15" customHeight="1">
      <c r="A612" s="87"/>
      <c r="B612" s="128"/>
      <c r="C612" s="128"/>
      <c r="D612" s="128"/>
      <c r="E612" s="128"/>
      <c r="F612" s="128"/>
      <c r="G612" s="128"/>
      <c r="H612" s="128"/>
      <c r="I612" s="128"/>
      <c r="J612" s="128"/>
      <c r="K612" s="128"/>
      <c r="L612" s="128"/>
      <c r="M612" s="128"/>
      <c r="N612" s="128"/>
      <c r="O612" s="128"/>
      <c r="P612" s="128"/>
      <c r="Q612" s="128"/>
      <c r="R612" s="128"/>
      <c r="S612" s="128"/>
      <c r="T612" s="128"/>
      <c r="U612" s="128"/>
      <c r="V612" s="128"/>
      <c r="W612" s="128"/>
      <c r="X612" s="128"/>
    </row>
    <row r="613" spans="1:24" ht="15" customHeight="1">
      <c r="A613" s="87"/>
      <c r="B613" s="128"/>
      <c r="C613" s="128"/>
      <c r="D613" s="128"/>
      <c r="E613" s="128"/>
      <c r="F613" s="128"/>
      <c r="G613" s="128"/>
      <c r="H613" s="128"/>
      <c r="I613" s="128"/>
      <c r="J613" s="128"/>
      <c r="K613" s="128"/>
      <c r="L613" s="128"/>
      <c r="M613" s="128"/>
      <c r="N613" s="128"/>
      <c r="O613" s="128"/>
      <c r="P613" s="128"/>
      <c r="Q613" s="128"/>
      <c r="R613" s="128"/>
      <c r="S613" s="128"/>
      <c r="T613" s="128"/>
      <c r="U613" s="128"/>
      <c r="V613" s="128"/>
      <c r="W613" s="128"/>
      <c r="X613" s="128"/>
    </row>
    <row r="614" spans="1:24" ht="15" customHeight="1">
      <c r="A614" s="87"/>
      <c r="B614" s="128"/>
      <c r="C614" s="128"/>
      <c r="D614" s="128"/>
      <c r="E614" s="128"/>
      <c r="F614" s="128"/>
      <c r="G614" s="128"/>
      <c r="H614" s="128"/>
      <c r="I614" s="128"/>
      <c r="J614" s="128"/>
      <c r="K614" s="128"/>
      <c r="L614" s="128"/>
      <c r="M614" s="128"/>
      <c r="N614" s="128"/>
      <c r="O614" s="128"/>
      <c r="P614" s="128"/>
      <c r="Q614" s="128"/>
      <c r="R614" s="128"/>
      <c r="S614" s="128"/>
      <c r="T614" s="128"/>
      <c r="U614" s="128"/>
      <c r="V614" s="128"/>
      <c r="W614" s="128"/>
      <c r="X614" s="128"/>
    </row>
    <row r="615" spans="1:24" ht="15" customHeight="1">
      <c r="A615" s="87"/>
      <c r="B615" s="128"/>
      <c r="C615" s="128"/>
      <c r="D615" s="128"/>
      <c r="E615" s="128"/>
      <c r="F615" s="128"/>
      <c r="G615" s="128"/>
      <c r="H615" s="128"/>
      <c r="I615" s="128"/>
      <c r="J615" s="128"/>
      <c r="K615" s="128"/>
      <c r="L615" s="128"/>
      <c r="M615" s="128"/>
      <c r="N615" s="128"/>
      <c r="O615" s="128"/>
      <c r="P615" s="128"/>
      <c r="Q615" s="128"/>
      <c r="R615" s="128"/>
      <c r="S615" s="128"/>
      <c r="T615" s="128"/>
      <c r="U615" s="128"/>
      <c r="V615" s="128"/>
      <c r="W615" s="128"/>
      <c r="X615" s="128"/>
    </row>
  </sheetData>
  <mergeCells count="69">
    <mergeCell ref="I36:M36"/>
    <mergeCell ref="S73:T73"/>
    <mergeCell ref="G38:G39"/>
    <mergeCell ref="G40:G41"/>
    <mergeCell ref="H30:M30"/>
    <mergeCell ref="H26:J26"/>
    <mergeCell ref="K26:L26"/>
    <mergeCell ref="M26:N26"/>
    <mergeCell ref="R27:R28"/>
    <mergeCell ref="H31:H35"/>
    <mergeCell ref="H27:J27"/>
    <mergeCell ref="K27:L27"/>
    <mergeCell ref="M27:N27"/>
    <mergeCell ref="H28:J28"/>
    <mergeCell ref="K28:L28"/>
    <mergeCell ref="M28:N28"/>
    <mergeCell ref="K22:L22"/>
    <mergeCell ref="M22:N22"/>
    <mergeCell ref="H25:J25"/>
    <mergeCell ref="K25:L25"/>
    <mergeCell ref="M25:N25"/>
    <mergeCell ref="S16:X16"/>
    <mergeCell ref="I17:J17"/>
    <mergeCell ref="K17:P17"/>
    <mergeCell ref="S17:X17"/>
    <mergeCell ref="R20:R21"/>
    <mergeCell ref="H21:N21"/>
    <mergeCell ref="I16:J16"/>
    <mergeCell ref="S18:X18"/>
    <mergeCell ref="I5:J5"/>
    <mergeCell ref="K5:P5"/>
    <mergeCell ref="I6:J6"/>
    <mergeCell ref="K6:P6"/>
    <mergeCell ref="H24:J24"/>
    <mergeCell ref="K24:L24"/>
    <mergeCell ref="M24:N24"/>
    <mergeCell ref="K15:P15"/>
    <mergeCell ref="I19:J19"/>
    <mergeCell ref="K19:P19"/>
    <mergeCell ref="K23:L23"/>
    <mergeCell ref="M23:N23"/>
    <mergeCell ref="H23:J23"/>
    <mergeCell ref="K16:P16"/>
    <mergeCell ref="I15:J15"/>
    <mergeCell ref="H22:J22"/>
    <mergeCell ref="B1:F1"/>
    <mergeCell ref="H1:P1"/>
    <mergeCell ref="R1:X1"/>
    <mergeCell ref="B3:F3"/>
    <mergeCell ref="H3:P3"/>
    <mergeCell ref="R3:R4"/>
    <mergeCell ref="K4:P4"/>
    <mergeCell ref="I4:J4"/>
    <mergeCell ref="S3:X3"/>
    <mergeCell ref="S15:X15"/>
    <mergeCell ref="S13:X13"/>
    <mergeCell ref="S14:X14"/>
    <mergeCell ref="K7:P7"/>
    <mergeCell ref="K8:P8"/>
    <mergeCell ref="K9:P9"/>
    <mergeCell ref="H12:P12"/>
    <mergeCell ref="S12:X12"/>
    <mergeCell ref="K13:P13"/>
    <mergeCell ref="K14:P14"/>
    <mergeCell ref="I13:J13"/>
    <mergeCell ref="I14:J14"/>
    <mergeCell ref="I7:J7"/>
    <mergeCell ref="I8:J8"/>
    <mergeCell ref="I9:J9"/>
  </mergeCells>
  <dataValidations count="3">
    <dataValidation type="list" allowBlank="1" sqref="S56:S59 S64:S71">
      <formula1>$H$23:$J$28</formula1>
    </dataValidation>
    <dataValidation type="list" allowBlank="1" sqref="S52:S55">
      <formula1>#REF!</formula1>
    </dataValidation>
    <dataValidation type="list" allowBlank="1" sqref="S60:S63">
      <formula1>$I$14:$J$19</formula1>
    </dataValidation>
  </dataValidations>
  <pageMargins left="0.511811024" right="0.511811024" top="0.78740157499999996" bottom="0.78740157499999996" header="0.31496062000000002" footer="0.31496062000000002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7</vt:i4>
      </vt:variant>
    </vt:vector>
  </HeadingPairs>
  <TitlesOfParts>
    <vt:vector size="7" baseType="lpstr">
      <vt:lpstr>Instrução</vt:lpstr>
      <vt:lpstr>1. Ambiente</vt:lpstr>
      <vt:lpstr>2. Gerenciamento</vt:lpstr>
      <vt:lpstr>3. Mapa</vt:lpstr>
      <vt:lpstr>4. Matriz</vt:lpstr>
      <vt:lpstr>5. Monitoramento</vt:lpstr>
      <vt:lpstr>Apoi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ue Varesqui Zeferino</dc:creator>
  <cp:lastModifiedBy>Francisco de Assis Galindo de Oliveira</cp:lastModifiedBy>
  <cp:lastPrinted>2024-05-22T20:46:48Z</cp:lastPrinted>
  <dcterms:created xsi:type="dcterms:W3CDTF">2024-03-04T13:35:36Z</dcterms:created>
  <dcterms:modified xsi:type="dcterms:W3CDTF">2025-08-04T14:33:01Z</dcterms:modified>
</cp:coreProperties>
</file>